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5\Lei de Responsabilidade Fiscal\Arquivos para publicação\2º Quadrimestre 2015 - Republicação\"/>
    </mc:Choice>
  </mc:AlternateContent>
  <bookViews>
    <workbookView xWindow="10170" yWindow="0" windowWidth="9900" windowHeight="8085" tabRatio="866"/>
  </bookViews>
  <sheets>
    <sheet name="Anexo 1 - Pessoal CONSOLIDADO" sheetId="1" r:id="rId1"/>
    <sheet name="Anexo 1 - Pessoal EXECUTIVO" sheetId="2" r:id="rId2"/>
    <sheet name="Anexo 2 - Dívida (E,DF e M)" sheetId="6" r:id="rId3"/>
    <sheet name="Anexo 3 - Garantias" sheetId="7" r:id="rId4"/>
    <sheet name="Anexo 4 -Op. Crédito (E,DF M)  " sheetId="8" r:id="rId5"/>
    <sheet name="Anexo 6 - Simplificado" sheetId="9" r:id="rId6"/>
  </sheets>
  <definedNames>
    <definedName name="_xlnm.Print_Area" localSheetId="0">'Anexo 1 - Pessoal CONSOLIDADO'!$A$3:$G$58</definedName>
    <definedName name="_xlnm.Print_Area" localSheetId="1">'Anexo 1 - Pessoal EXECUTIVO'!$A$3:$G$56</definedName>
    <definedName name="_xlnm.Print_Area" localSheetId="2">'Anexo 2 - Dívida (E,DF e M)'!$A$1:$M$116</definedName>
    <definedName name="_xlnm.Print_Area" localSheetId="3">'Anexo 3 - Garantias'!$A$3:$E$51</definedName>
    <definedName name="_xlnm.Print_Area" localSheetId="4">'Anexo 4 -Op. Crédito (E,DF M)  '!$A$3:$D$75</definedName>
    <definedName name="_xlnm.Print_Area" localSheetId="5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5">#REF!,#REF!</definedName>
    <definedName name="Planilha_1ÁreaTotal">#REF!,#REF!</definedName>
    <definedName name="Planilha_1CabGráfico" localSheetId="0">#REF!</definedName>
    <definedName name="Planilha_1CabGráfico" localSheetId="5">#REF!</definedName>
    <definedName name="Planilha_1CabGráfico">#REF!</definedName>
    <definedName name="Planilha_1TítCols" localSheetId="0">#REF!,#REF!</definedName>
    <definedName name="Planilha_1TítCols" localSheetId="5">#REF!,#REF!</definedName>
    <definedName name="Planilha_1TítCols">#REF!,#REF!</definedName>
    <definedName name="Planilha_1TítLins" localSheetId="0">#REF!</definedName>
    <definedName name="Planilha_1TítLins" localSheetId="5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 (E,DF e M)'!$A$2:$M$116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 (E,DF M)  '!$A$3:$D$75</definedName>
    <definedName name="Z_05BE6146_A9DF_4967_AF82_02B690EDB2A3_.wvu.PrintArea" localSheetId="5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 (E,DF e M)'!$A$1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 (E,DF M)  '!$A$3:$D$75</definedName>
    <definedName name="Z_2E3109D4_AAF5_4B4A_B3D6_6363C0BC1DF5_.wvu.PrintArea" localSheetId="5" hidden="1">'Anexo 6 - Simplificado'!$A$3:$C$53</definedName>
    <definedName name="Z_30645A97_BC3E_4EE0_B86A_653F48DD2F61_.wvu.PrintArea" localSheetId="0" hidden="1">'Anexo 1 - Pessoal CONSOLIDADO'!$A$3:$G$58</definedName>
    <definedName name="Z_30645A97_BC3E_4EE0_B86A_653F48DD2F61_.wvu.PrintArea" localSheetId="1" hidden="1">'Anexo 1 - Pessoal EXECUTIVO'!$A$3:$G$56</definedName>
    <definedName name="Z_30645A97_BC3E_4EE0_B86A_653F48DD2F61_.wvu.PrintArea" localSheetId="2" hidden="1">'Anexo 2 - Dívida (E,DF e M)'!$A$2:$M$116</definedName>
    <definedName name="Z_30645A97_BC3E_4EE0_B86A_653F48DD2F61_.wvu.PrintArea" localSheetId="3" hidden="1">'Anexo 3 - Garantias'!$A$3:$E$51</definedName>
    <definedName name="Z_30645A97_BC3E_4EE0_B86A_653F48DD2F61_.wvu.PrintArea" localSheetId="4" hidden="1">'Anexo 4 -Op. Crédito (E,DF M)  '!$A$3:$D$75</definedName>
    <definedName name="Z_30645A97_BC3E_4EE0_B86A_653F48DD2F61_.wvu.PrintArea" localSheetId="5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 (E,DF e M)'!$A$2:$M$116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 (E,DF M)  '!$A$1:$D$73</definedName>
    <definedName name="Z_6C121633_ED4E_47D4_9C39_9D582FC532C7_.wvu.PrintArea" localSheetId="5" hidden="1">'Anexo 6 - Simplificado'!$A$3:$C$53</definedName>
    <definedName name="Z_A3DDC128_A56B_4F45_A551_BA04BB179A3D_.wvu.PrintArea" localSheetId="0" hidden="1">'Anexo 1 - Pessoal CONSOLIDADO'!$A$3:$G$58</definedName>
    <definedName name="Z_A3DDC128_A56B_4F45_A551_BA04BB179A3D_.wvu.PrintArea" localSheetId="1" hidden="1">'Anexo 1 - Pessoal EXECUTIVO'!$A$3:$G$56</definedName>
    <definedName name="Z_A3DDC128_A56B_4F45_A551_BA04BB179A3D_.wvu.PrintArea" localSheetId="2" hidden="1">'Anexo 2 - Dívida (E,DF e M)'!$A$1:$M$116</definedName>
    <definedName name="Z_A3DDC128_A56B_4F45_A551_BA04BB179A3D_.wvu.PrintArea" localSheetId="3" hidden="1">'Anexo 3 - Garantias'!$A$3:$E$51</definedName>
    <definedName name="Z_A3DDC128_A56B_4F45_A551_BA04BB179A3D_.wvu.PrintArea" localSheetId="4" hidden="1">'Anexo 4 -Op. Crédito (E,DF M)  '!$A$3:$D$75</definedName>
    <definedName name="Z_A3DDC128_A56B_4F45_A551_BA04BB179A3D_.wvu.PrintArea" localSheetId="5" hidden="1">'Anexo 6 - Simplificado'!$A$3:$C$53</definedName>
    <definedName name="Z_D8FEB5D0_D989_4C2B_BD50_DB181944A81F_.wvu.PrintArea" localSheetId="0" hidden="1">'Anexo 1 - Pessoal CONSOLIDADO'!$A$3:$G$58</definedName>
    <definedName name="Z_D8FEB5D0_D989_4C2B_BD50_DB181944A81F_.wvu.PrintArea" localSheetId="1" hidden="1">'Anexo 1 - Pessoal EXECUTIVO'!$A$3:$G$56</definedName>
    <definedName name="Z_D8FEB5D0_D989_4C2B_BD50_DB181944A81F_.wvu.PrintArea" localSheetId="2" hidden="1">'Anexo 2 - Dívida (E,DF e M)'!$A$1:$M$116</definedName>
    <definedName name="Z_D8FEB5D0_D989_4C2B_BD50_DB181944A81F_.wvu.PrintArea" localSheetId="3" hidden="1">'Anexo 3 - Garantias'!$A$3:$E$51</definedName>
    <definedName name="Z_D8FEB5D0_D989_4C2B_BD50_DB181944A81F_.wvu.PrintArea" localSheetId="4" hidden="1">'Anexo 4 -Op. Crédito (E,DF M)  '!$A$3:$D$75</definedName>
    <definedName name="Z_D8FEB5D0_D989_4C2B_BD50_DB181944A81F_.wvu.PrintArea" localSheetId="5" hidden="1">'Anexo 6 - Simplificado'!$A$3:$C$53</definedName>
  </definedNames>
  <calcPr calcId="152511"/>
  <customWorkbookViews>
    <customWorkbookView name="CLÁUDIO JOSÉ DAINESE - Modo de exibição pessoal" guid="{30645A97-BC3E-4EE0-B86A-653F48DD2F61}" mergeInterval="0" personalView="1" maximized="1" xWindow="-8" yWindow="-8" windowWidth="1382" windowHeight="744" tabRatio="953" activeSheetId="8"/>
    <customWorkbookView name="rooliveira - Modo de exibição pessoal" guid="{05BE6146-A9DF-4967-AF82-02B690EDB2A3}" mergeInterval="0" personalView="1" maximized="1" xWindow="1" yWindow="1" windowWidth="1362" windowHeight="518" tabRatio="953" activeSheetId="6"/>
    <customWorkbookView name="vyasunaka - Modo de exibição pessoal" guid="{6C121633-ED4E-47D4-9C39-9D582FC532C7}" mergeInterval="0" personalView="1" maximized="1" xWindow="1" yWindow="1" windowWidth="1362" windowHeight="534" tabRatio="841" activeSheetId="6"/>
    <customWorkbookView name="sandrade - Modo de exibição pessoal" guid="{D8FEB5D0-D989-4C2B-BD50-DB181944A81F}" mergeInterval="0" personalView="1" maximized="1" xWindow="1" yWindow="1" windowWidth="1362" windowHeight="538" tabRatio="841" activeSheetId="6"/>
    <customWorkbookView name="cdainese - Modo de exibição pessoal" guid="{2E3109D4-AAF5-4B4A-B3D6-6363C0BC1DF5}" mergeInterval="0" personalView="1" maximized="1" xWindow="1" yWindow="1" windowWidth="1362" windowHeight="538" tabRatio="953" activeSheetId="9" showComments="commIndAndComment"/>
    <customWorkbookView name="JOSE CARLOS BERNARDI - Modo de exibição pessoal" guid="{A3DDC128-A56B-4F45-A551-BA04BB179A3D}" mergeInterval="0" personalView="1" maximized="1" xWindow="1" yWindow="1" windowWidth="1362" windowHeight="538" tabRatio="841" activeSheetId="1"/>
  </customWorkbookViews>
</workbook>
</file>

<file path=xl/sharedStrings.xml><?xml version="1.0" encoding="utf-8"?>
<sst xmlns="http://schemas.openxmlformats.org/spreadsheetml/2006/main" count="404" uniqueCount="220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>NÃO SUJEITAS AO LIMITE PARA FINS DE CONTRATAÇÃO (II)</t>
  </si>
  <si>
    <t xml:space="preserve">        De Tributos</t>
  </si>
  <si>
    <t xml:space="preserve">            Previdenciárias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>SALDO DO EXERCÍCIO DE 2015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>SETEMBRO DE 2014 A AGOSTO DE 2015</t>
  </si>
  <si>
    <t>JANEIRO A AGOSTO DE 2015</t>
  </si>
  <si>
    <t xml:space="preserve">               Abertura de Crédito - PDE/MS</t>
  </si>
  <si>
    <t xml:space="preserve">    Melhoria da Administração de Receitas e da Gestão Fiscal, Financeira e Patrimonial - SIGA, PROFISCO</t>
  </si>
  <si>
    <t xml:space="preserve">    Outras Operações de Crédito Não Sujeitas ao Limite - Modal, Proinveste</t>
  </si>
  <si>
    <t xml:space="preserve"> LRF, art. 48 - Anexo 6</t>
  </si>
  <si>
    <t>FONTE: SPF - Sistema de Planejamento e Finanças do Estado de MS e RREO Outros Poderes.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294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166" fontId="2" fillId="0" borderId="5" xfId="2" applyNumberFormat="1" applyFont="1" applyFill="1" applyBorder="1" applyAlignment="1">
      <alignment vertical="center"/>
    </xf>
    <xf numFmtId="40" fontId="2" fillId="0" borderId="10" xfId="0" applyNumberFormat="1" applyFont="1" applyFill="1" applyBorder="1" applyAlignment="1">
      <alignment horizontal="right" vertical="center" wrapText="1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164" fontId="2" fillId="0" borderId="0" xfId="1" applyNumberFormat="1" applyFont="1" applyFill="1" applyAlignment="1">
      <alignment horizontal="right"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12" xfId="1" applyNumberFormat="1" applyFont="1" applyFill="1" applyBorder="1" applyAlignment="1">
      <alignment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13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horizontal="center" vertical="center"/>
    </xf>
    <xf numFmtId="0" fontId="2" fillId="2" borderId="5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43" fontId="3" fillId="0" borderId="6" xfId="0" applyNumberFormat="1" applyFont="1" applyFill="1" applyBorder="1" applyAlignment="1">
      <alignment horizontal="right"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3" fillId="0" borderId="15" xfId="0" applyFont="1" applyBorder="1" applyAlignment="1">
      <alignment horizontal="left" vertical="center" wrapText="1"/>
    </xf>
    <xf numFmtId="43" fontId="3" fillId="0" borderId="1" xfId="0" applyNumberFormat="1" applyFont="1" applyBorder="1" applyAlignment="1">
      <alignment horizontal="right" vertical="center" wrapText="1"/>
    </xf>
    <xf numFmtId="43" fontId="3" fillId="0" borderId="1" xfId="0" applyNumberFormat="1" applyFont="1" applyFill="1" applyBorder="1" applyAlignment="1">
      <alignment horizontal="right" vertical="center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3" fillId="0" borderId="7" xfId="0" applyNumberFormat="1" applyFont="1" applyBorder="1" applyAlignment="1">
      <alignment horizontal="right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12" xfId="0" applyNumberFormat="1" applyFont="1" applyBorder="1" applyAlignment="1">
      <alignment horizontal="right" vertical="center" wrapText="1"/>
    </xf>
    <xf numFmtId="43" fontId="3" fillId="0" borderId="13" xfId="0" applyNumberFormat="1" applyFont="1" applyBorder="1" applyAlignment="1">
      <alignment horizontal="right" vertical="center" wrapText="1"/>
    </xf>
    <xf numFmtId="43" fontId="2" fillId="0" borderId="10" xfId="0" applyNumberFormat="1" applyFont="1" applyBorder="1" applyAlignment="1">
      <alignment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5" fillId="0" borderId="0" xfId="0" applyFont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justify" vertical="center" wrapText="1"/>
    </xf>
    <xf numFmtId="0" fontId="2" fillId="0" borderId="4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2" fillId="0" borderId="12" xfId="1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 wrapText="1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horizontal="right" vertical="center"/>
    </xf>
    <xf numFmtId="2" fontId="3" fillId="0" borderId="7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vertical="center"/>
    </xf>
    <xf numFmtId="0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0" borderId="6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NumberFormat="1" applyFont="1" applyFill="1" applyBorder="1" applyAlignment="1">
      <alignment vertical="center"/>
    </xf>
    <xf numFmtId="0" fontId="3" fillId="0" borderId="0" xfId="0" applyFont="1" applyFill="1" applyBorder="1" applyAlignment="1"/>
    <xf numFmtId="0" fontId="3" fillId="0" borderId="0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43" fontId="3" fillId="0" borderId="10" xfId="0" applyNumberFormat="1" applyFont="1" applyFill="1" applyBorder="1" applyAlignment="1">
      <alignment vertical="center"/>
    </xf>
    <xf numFmtId="166" fontId="2" fillId="0" borderId="14" xfId="0" applyNumberFormat="1" applyFont="1" applyFill="1" applyBorder="1" applyAlignment="1">
      <alignment vertical="center"/>
    </xf>
    <xf numFmtId="166" fontId="3" fillId="0" borderId="1" xfId="0" applyNumberFormat="1" applyFont="1" applyFill="1" applyBorder="1" applyAlignment="1">
      <alignment vertical="center"/>
    </xf>
    <xf numFmtId="166" fontId="2" fillId="0" borderId="1" xfId="0" applyNumberFormat="1" applyFont="1" applyFill="1" applyBorder="1" applyAlignment="1">
      <alignment vertical="center"/>
    </xf>
    <xf numFmtId="166" fontId="2" fillId="2" borderId="5" xfId="0" applyNumberFormat="1" applyFont="1" applyFill="1" applyBorder="1" applyAlignment="1">
      <alignment vertical="center"/>
    </xf>
    <xf numFmtId="166" fontId="2" fillId="0" borderId="5" xfId="0" applyNumberFormat="1" applyFont="1" applyFill="1" applyBorder="1" applyAlignment="1">
      <alignment vertical="center"/>
    </xf>
    <xf numFmtId="166" fontId="2" fillId="0" borderId="7" xfId="0" applyNumberFormat="1" applyFont="1" applyFill="1" applyBorder="1" applyAlignment="1">
      <alignment vertical="center"/>
    </xf>
    <xf numFmtId="166" fontId="2" fillId="0" borderId="11" xfId="1" applyNumberFormat="1" applyFont="1" applyFill="1" applyBorder="1" applyAlignment="1">
      <alignment vertical="center"/>
    </xf>
    <xf numFmtId="166" fontId="2" fillId="0" borderId="14" xfId="1" applyNumberFormat="1" applyFont="1" applyFill="1" applyBorder="1" applyAlignment="1">
      <alignment vertical="center"/>
    </xf>
    <xf numFmtId="166" fontId="3" fillId="0" borderId="12" xfId="1" applyNumberFormat="1" applyFont="1" applyFill="1" applyBorder="1" applyAlignment="1">
      <alignment vertical="center"/>
    </xf>
    <xf numFmtId="166" fontId="3" fillId="0" borderId="0" xfId="1" applyNumberFormat="1" applyFont="1" applyFill="1" applyAlignment="1">
      <alignment vertical="center"/>
    </xf>
    <xf numFmtId="166" fontId="2" fillId="0" borderId="1" xfId="1" applyNumberFormat="1" applyFont="1" applyFill="1" applyBorder="1" applyAlignment="1">
      <alignment vertical="center"/>
    </xf>
    <xf numFmtId="166" fontId="3" fillId="0" borderId="0" xfId="1" applyNumberFormat="1" applyFont="1" applyFill="1" applyBorder="1" applyAlignment="1">
      <alignment vertical="center"/>
    </xf>
    <xf numFmtId="166" fontId="3" fillId="0" borderId="13" xfId="1" applyNumberFormat="1" applyFont="1" applyFill="1" applyBorder="1" applyAlignment="1">
      <alignment vertical="center"/>
    </xf>
    <xf numFmtId="166" fontId="3" fillId="0" borderId="8" xfId="1" applyNumberFormat="1" applyFont="1" applyFill="1" applyBorder="1" applyAlignment="1">
      <alignment vertical="center"/>
    </xf>
    <xf numFmtId="166" fontId="2" fillId="0" borderId="5" xfId="1" applyNumberFormat="1" applyFont="1" applyFill="1" applyBorder="1" applyAlignment="1">
      <alignment horizontal="center" vertical="center"/>
    </xf>
    <xf numFmtId="166" fontId="2" fillId="0" borderId="5" xfId="1" applyNumberFormat="1" applyFont="1" applyFill="1" applyBorder="1" applyAlignment="1">
      <alignment horizontal="right" vertical="center"/>
    </xf>
    <xf numFmtId="166" fontId="2" fillId="0" borderId="5" xfId="1" applyNumberFormat="1" applyFont="1" applyFill="1" applyBorder="1" applyAlignment="1">
      <alignment vertical="center"/>
    </xf>
    <xf numFmtId="166" fontId="2" fillId="2" borderId="13" xfId="1" applyNumberFormat="1" applyFont="1" applyFill="1" applyBorder="1" applyAlignment="1">
      <alignment vertical="center"/>
    </xf>
    <xf numFmtId="166" fontId="2" fillId="2" borderId="7" xfId="1" applyNumberFormat="1" applyFont="1" applyFill="1" applyBorder="1" applyAlignment="1">
      <alignment vertical="center"/>
    </xf>
    <xf numFmtId="166" fontId="2" fillId="2" borderId="5" xfId="1" applyNumberFormat="1" applyFont="1" applyFill="1" applyBorder="1" applyAlignment="1">
      <alignment horizontal="center" vertical="center"/>
    </xf>
    <xf numFmtId="166" fontId="2" fillId="2" borderId="5" xfId="1" applyNumberFormat="1" applyFont="1" applyFill="1" applyBorder="1" applyAlignment="1">
      <alignment horizontal="right" vertical="center"/>
    </xf>
    <xf numFmtId="43" fontId="2" fillId="0" borderId="14" xfId="0" applyNumberFormat="1" applyFont="1" applyBorder="1" applyAlignment="1">
      <alignment horizontal="right" vertical="center" wrapText="1"/>
    </xf>
    <xf numFmtId="43" fontId="2" fillId="0" borderId="11" xfId="0" applyNumberFormat="1" applyFont="1" applyBorder="1" applyAlignment="1">
      <alignment horizontal="right" vertical="center" wrapText="1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top" wrapText="1"/>
    </xf>
    <xf numFmtId="0" fontId="2" fillId="2" borderId="13" xfId="1" applyNumberFormat="1" applyFont="1" applyFill="1" applyBorder="1" applyAlignment="1">
      <alignment horizontal="center" vertical="top" wrapText="1"/>
    </xf>
    <xf numFmtId="0" fontId="2" fillId="0" borderId="0" xfId="0" applyNumberFormat="1" applyFont="1" applyFill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10" fontId="3" fillId="0" borderId="5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0" fontId="2" fillId="2" borderId="15" xfId="0" applyFont="1" applyFill="1" applyBorder="1" applyAlignment="1">
      <alignment horizontal="center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43" fontId="3" fillId="0" borderId="9" xfId="0" applyNumberFormat="1" applyFont="1" applyFill="1" applyBorder="1" applyAlignment="1">
      <alignment horizontal="right" vertical="center"/>
    </xf>
    <xf numFmtId="43" fontId="2" fillId="0" borderId="7" xfId="0" applyNumberFormat="1" applyFont="1" applyFill="1" applyBorder="1" applyAlignment="1">
      <alignment horizontal="right" vertical="center"/>
    </xf>
    <xf numFmtId="43" fontId="2" fillId="0" borderId="8" xfId="0" applyNumberFormat="1" applyFont="1" applyFill="1" applyBorder="1" applyAlignment="1">
      <alignment horizontal="right" vertical="center"/>
    </xf>
    <xf numFmtId="43" fontId="2" fillId="0" borderId="9" xfId="0" applyNumberFormat="1" applyFont="1" applyFill="1" applyBorder="1" applyAlignment="1">
      <alignment horizontal="right" vertical="center"/>
    </xf>
    <xf numFmtId="0" fontId="3" fillId="0" borderId="6" xfId="0" applyNumberFormat="1" applyFont="1" applyFill="1" applyBorder="1" applyAlignment="1">
      <alignment horizontal="center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43" fontId="3" fillId="0" borderId="15" xfId="0" applyNumberFormat="1" applyFont="1" applyFill="1" applyBorder="1" applyAlignment="1">
      <alignment horizontal="right" vertical="center"/>
    </xf>
    <xf numFmtId="43" fontId="3" fillId="3" borderId="1" xfId="0" applyNumberFormat="1" applyFont="1" applyFill="1" applyBorder="1" applyAlignment="1">
      <alignment horizontal="right" vertical="center"/>
    </xf>
    <xf numFmtId="43" fontId="3" fillId="3" borderId="0" xfId="0" applyNumberFormat="1" applyFont="1" applyFill="1" applyBorder="1" applyAlignment="1">
      <alignment horizontal="right" vertical="center"/>
    </xf>
    <xf numFmtId="43" fontId="3" fillId="3" borderId="2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43" fontId="3" fillId="3" borderId="7" xfId="0" applyNumberFormat="1" applyFont="1" applyFill="1" applyBorder="1" applyAlignment="1">
      <alignment horizontal="right" vertical="center"/>
    </xf>
    <xf numFmtId="43" fontId="3" fillId="3" borderId="8" xfId="0" applyNumberFormat="1" applyFont="1" applyFill="1" applyBorder="1" applyAlignment="1">
      <alignment horizontal="right" vertical="center"/>
    </xf>
    <xf numFmtId="43" fontId="3" fillId="3" borderId="9" xfId="0" applyNumberFormat="1" applyFont="1" applyFill="1" applyBorder="1" applyAlignment="1">
      <alignment horizontal="right" vertical="center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center" vertical="center"/>
    </xf>
    <xf numFmtId="43" fontId="2" fillId="2" borderId="6" xfId="0" applyNumberFormat="1" applyFont="1" applyFill="1" applyBorder="1" applyAlignment="1">
      <alignment horizontal="center" vertical="center"/>
    </xf>
    <xf numFmtId="166" fontId="3" fillId="0" borderId="9" xfId="0" applyNumberFormat="1" applyFont="1" applyFill="1" applyBorder="1" applyAlignment="1">
      <alignment horizontal="right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2" fillId="2" borderId="4" xfId="0" applyNumberFormat="1" applyFont="1" applyFill="1" applyBorder="1" applyAlignment="1">
      <alignment horizontal="center" vertical="center"/>
    </xf>
    <xf numFmtId="43" fontId="2" fillId="2" borderId="4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8" xfId="0" applyFont="1" applyFill="1" applyBorder="1" applyAlignment="1">
      <alignment horizontal="left" vertical="center"/>
    </xf>
    <xf numFmtId="0" fontId="3" fillId="0" borderId="9" xfId="0" applyFont="1" applyFill="1" applyBorder="1" applyAlignment="1">
      <alignment horizontal="left" vertical="center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138541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0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1.xml"/><Relationship Id="rId3" Type="http://schemas.openxmlformats.org/officeDocument/2006/relationships/printerSettings" Target="../printerSettings/printerSettings3.bin"/><Relationship Id="rId7" Type="http://schemas.openxmlformats.org/officeDocument/2006/relationships/printerSettings" Target="../printerSettings/printerSettings7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2.xml"/><Relationship Id="rId3" Type="http://schemas.openxmlformats.org/officeDocument/2006/relationships/printerSettings" Target="../printerSettings/printerSettings10.bin"/><Relationship Id="rId7" Type="http://schemas.openxmlformats.org/officeDocument/2006/relationships/printerSettings" Target="../printerSettings/printerSettings14.bin"/><Relationship Id="rId2" Type="http://schemas.openxmlformats.org/officeDocument/2006/relationships/printerSettings" Target="../printerSettings/printerSettings9.bin"/><Relationship Id="rId1" Type="http://schemas.openxmlformats.org/officeDocument/2006/relationships/printerSettings" Target="../printerSettings/printerSettings8.bin"/><Relationship Id="rId6" Type="http://schemas.openxmlformats.org/officeDocument/2006/relationships/printerSettings" Target="../printerSettings/printerSettings13.bin"/><Relationship Id="rId5" Type="http://schemas.openxmlformats.org/officeDocument/2006/relationships/printerSettings" Target="../printerSettings/printerSettings12.bin"/><Relationship Id="rId4" Type="http://schemas.openxmlformats.org/officeDocument/2006/relationships/printerSettings" Target="../printerSettings/printerSettings11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3.xml"/><Relationship Id="rId3" Type="http://schemas.openxmlformats.org/officeDocument/2006/relationships/printerSettings" Target="../printerSettings/printerSettings17.bin"/><Relationship Id="rId7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16.bin"/><Relationship Id="rId1" Type="http://schemas.openxmlformats.org/officeDocument/2006/relationships/printerSettings" Target="../printerSettings/printerSettings15.bin"/><Relationship Id="rId6" Type="http://schemas.openxmlformats.org/officeDocument/2006/relationships/printerSettings" Target="../printerSettings/printerSettings20.bin"/><Relationship Id="rId5" Type="http://schemas.openxmlformats.org/officeDocument/2006/relationships/printerSettings" Target="../printerSettings/printerSettings19.bin"/><Relationship Id="rId4" Type="http://schemas.openxmlformats.org/officeDocument/2006/relationships/printerSettings" Target="../printerSettings/printerSettings18.bin"/></Relationships>
</file>

<file path=xl/worksheets/_rels/sheet4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4.xml"/><Relationship Id="rId3" Type="http://schemas.openxmlformats.org/officeDocument/2006/relationships/printerSettings" Target="../printerSettings/printerSettings24.bin"/><Relationship Id="rId7" Type="http://schemas.openxmlformats.org/officeDocument/2006/relationships/printerSettings" Target="../printerSettings/printerSettings28.bin"/><Relationship Id="rId2" Type="http://schemas.openxmlformats.org/officeDocument/2006/relationships/printerSettings" Target="../printerSettings/printerSettings23.bin"/><Relationship Id="rId1" Type="http://schemas.openxmlformats.org/officeDocument/2006/relationships/printerSettings" Target="../printerSettings/printerSettings22.bin"/><Relationship Id="rId6" Type="http://schemas.openxmlformats.org/officeDocument/2006/relationships/printerSettings" Target="../printerSettings/printerSettings27.bin"/><Relationship Id="rId5" Type="http://schemas.openxmlformats.org/officeDocument/2006/relationships/printerSettings" Target="../printerSettings/printerSettings26.bin"/><Relationship Id="rId4" Type="http://schemas.openxmlformats.org/officeDocument/2006/relationships/printerSettings" Target="../printerSettings/printerSettings25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5.xml"/><Relationship Id="rId3" Type="http://schemas.openxmlformats.org/officeDocument/2006/relationships/printerSettings" Target="../printerSettings/printerSettings31.bin"/><Relationship Id="rId7" Type="http://schemas.openxmlformats.org/officeDocument/2006/relationships/printerSettings" Target="../printerSettings/printerSettings35.bin"/><Relationship Id="rId2" Type="http://schemas.openxmlformats.org/officeDocument/2006/relationships/printerSettings" Target="../printerSettings/printerSettings30.bin"/><Relationship Id="rId1" Type="http://schemas.openxmlformats.org/officeDocument/2006/relationships/printerSettings" Target="../printerSettings/printerSettings29.bin"/><Relationship Id="rId6" Type="http://schemas.openxmlformats.org/officeDocument/2006/relationships/printerSettings" Target="../printerSettings/printerSettings34.bin"/><Relationship Id="rId5" Type="http://schemas.openxmlformats.org/officeDocument/2006/relationships/printerSettings" Target="../printerSettings/printerSettings33.bin"/><Relationship Id="rId4" Type="http://schemas.openxmlformats.org/officeDocument/2006/relationships/printerSettings" Target="../printerSettings/printerSettings32.bin"/></Relationships>
</file>

<file path=xl/worksheets/_rels/sheet6.xml.rels><?xml version="1.0" encoding="UTF-8" standalone="yes"?>
<Relationships xmlns="http://schemas.openxmlformats.org/package/2006/relationships"><Relationship Id="rId8" Type="http://schemas.openxmlformats.org/officeDocument/2006/relationships/drawing" Target="../drawings/drawing6.xml"/><Relationship Id="rId3" Type="http://schemas.openxmlformats.org/officeDocument/2006/relationships/printerSettings" Target="../printerSettings/printerSettings38.bin"/><Relationship Id="rId7" Type="http://schemas.openxmlformats.org/officeDocument/2006/relationships/printerSettings" Target="../printerSettings/printerSettings42.bin"/><Relationship Id="rId2" Type="http://schemas.openxmlformats.org/officeDocument/2006/relationships/printerSettings" Target="../printerSettings/printerSettings37.bin"/><Relationship Id="rId1" Type="http://schemas.openxmlformats.org/officeDocument/2006/relationships/printerSettings" Target="../printerSettings/printerSettings36.bin"/><Relationship Id="rId6" Type="http://schemas.openxmlformats.org/officeDocument/2006/relationships/printerSettings" Target="../printerSettings/printerSettings41.bin"/><Relationship Id="rId5" Type="http://schemas.openxmlformats.org/officeDocument/2006/relationships/printerSettings" Target="../printerSettings/printerSettings40.bin"/><Relationship Id="rId4" Type="http://schemas.openxmlformats.org/officeDocument/2006/relationships/printerSettings" Target="../printerSettings/printerSettings3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G58"/>
  <sheetViews>
    <sheetView showGridLines="0" tabSelected="1" zoomScaleNormal="100" workbookViewId="0"/>
  </sheetViews>
  <sheetFormatPr defaultRowHeight="10.5" x14ac:dyDescent="0.2"/>
  <cols>
    <col min="1" max="1" width="65.7109375" style="59" customWidth="1"/>
    <col min="2" max="5" width="5.7109375" style="59" customWidth="1"/>
    <col min="6" max="7" width="20.7109375" style="59" customWidth="1"/>
    <col min="8" max="16384" width="9.140625" style="59"/>
  </cols>
  <sheetData>
    <row r="1" spans="1:7" x14ac:dyDescent="0.2">
      <c r="A1" s="57"/>
      <c r="B1" s="57"/>
      <c r="C1" s="57"/>
      <c r="D1" s="57"/>
      <c r="E1" s="57"/>
      <c r="F1" s="58"/>
      <c r="G1" s="58"/>
    </row>
    <row r="2" spans="1:7" x14ac:dyDescent="0.2">
      <c r="A2" s="57"/>
      <c r="B2" s="57"/>
      <c r="C2" s="57"/>
      <c r="D2" s="57"/>
      <c r="E2" s="57"/>
      <c r="F2" s="58"/>
      <c r="G2" s="58"/>
    </row>
    <row r="3" spans="1:7" x14ac:dyDescent="0.2">
      <c r="A3" s="203" t="s">
        <v>199</v>
      </c>
      <c r="B3" s="203"/>
      <c r="C3" s="203"/>
      <c r="D3" s="203"/>
      <c r="E3" s="203"/>
      <c r="F3" s="203"/>
      <c r="G3" s="203"/>
    </row>
    <row r="4" spans="1:7" x14ac:dyDescent="0.2">
      <c r="A4" s="203" t="s">
        <v>200</v>
      </c>
      <c r="B4" s="203"/>
      <c r="C4" s="203"/>
      <c r="D4" s="203"/>
      <c r="E4" s="203"/>
      <c r="F4" s="203"/>
      <c r="G4" s="203"/>
    </row>
    <row r="5" spans="1:7" x14ac:dyDescent="0.2">
      <c r="A5" s="203" t="s">
        <v>0</v>
      </c>
      <c r="B5" s="203"/>
      <c r="C5" s="203"/>
      <c r="D5" s="203"/>
      <c r="E5" s="203"/>
      <c r="F5" s="203"/>
      <c r="G5" s="203"/>
    </row>
    <row r="6" spans="1:7" x14ac:dyDescent="0.2">
      <c r="A6" s="203" t="s">
        <v>10</v>
      </c>
      <c r="B6" s="203"/>
      <c r="C6" s="203"/>
      <c r="D6" s="203"/>
      <c r="E6" s="203"/>
      <c r="F6" s="203"/>
      <c r="G6" s="203"/>
    </row>
    <row r="7" spans="1:7" x14ac:dyDescent="0.2">
      <c r="A7" s="203" t="s">
        <v>4</v>
      </c>
      <c r="B7" s="203"/>
      <c r="C7" s="203"/>
      <c r="D7" s="203"/>
      <c r="E7" s="203"/>
      <c r="F7" s="203"/>
      <c r="G7" s="203"/>
    </row>
    <row r="8" spans="1:7" x14ac:dyDescent="0.2">
      <c r="A8" s="203" t="s">
        <v>212</v>
      </c>
      <c r="B8" s="203"/>
      <c r="C8" s="203"/>
      <c r="D8" s="203"/>
      <c r="E8" s="203"/>
      <c r="F8" s="203"/>
      <c r="G8" s="203"/>
    </row>
    <row r="9" spans="1:7" x14ac:dyDescent="0.2">
      <c r="A9" s="58"/>
      <c r="B9" s="58"/>
      <c r="C9" s="58"/>
      <c r="D9" s="58"/>
      <c r="E9" s="58"/>
      <c r="F9" s="58"/>
      <c r="G9" s="58"/>
    </row>
    <row r="10" spans="1:7" x14ac:dyDescent="0.2">
      <c r="A10" s="57" t="s">
        <v>144</v>
      </c>
      <c r="B10" s="57"/>
      <c r="C10" s="57"/>
      <c r="D10" s="57"/>
      <c r="E10" s="57"/>
      <c r="F10" s="57"/>
      <c r="G10" s="60">
        <v>1</v>
      </c>
    </row>
    <row r="11" spans="1:7" ht="15" customHeight="1" x14ac:dyDescent="0.2">
      <c r="A11" s="192" t="s">
        <v>13</v>
      </c>
      <c r="B11" s="192"/>
      <c r="C11" s="192"/>
      <c r="D11" s="192"/>
      <c r="E11" s="195"/>
      <c r="F11" s="191" t="s">
        <v>54</v>
      </c>
      <c r="G11" s="192"/>
    </row>
    <row r="12" spans="1:7" ht="15" customHeight="1" x14ac:dyDescent="0.2">
      <c r="A12" s="196"/>
      <c r="B12" s="196"/>
      <c r="C12" s="196"/>
      <c r="D12" s="196"/>
      <c r="E12" s="197"/>
      <c r="F12" s="193" t="s">
        <v>37</v>
      </c>
      <c r="G12" s="194"/>
    </row>
    <row r="13" spans="1:7" ht="15" customHeight="1" x14ac:dyDescent="0.2">
      <c r="A13" s="196"/>
      <c r="B13" s="196"/>
      <c r="C13" s="196"/>
      <c r="D13" s="196"/>
      <c r="E13" s="197"/>
      <c r="F13" s="199" t="s">
        <v>55</v>
      </c>
      <c r="G13" s="1" t="s">
        <v>56</v>
      </c>
    </row>
    <row r="14" spans="1:7" ht="15" customHeight="1" x14ac:dyDescent="0.2">
      <c r="A14" s="196"/>
      <c r="B14" s="196"/>
      <c r="C14" s="196"/>
      <c r="D14" s="196"/>
      <c r="E14" s="197"/>
      <c r="F14" s="200"/>
      <c r="G14" s="18" t="s">
        <v>57</v>
      </c>
    </row>
    <row r="15" spans="1:7" ht="15" customHeight="1" x14ac:dyDescent="0.2">
      <c r="A15" s="196"/>
      <c r="B15" s="196"/>
      <c r="C15" s="196"/>
      <c r="D15" s="196"/>
      <c r="E15" s="197"/>
      <c r="F15" s="200"/>
      <c r="G15" s="18" t="s">
        <v>58</v>
      </c>
    </row>
    <row r="16" spans="1:7" ht="15" customHeight="1" x14ac:dyDescent="0.2">
      <c r="A16" s="196"/>
      <c r="B16" s="196"/>
      <c r="C16" s="196"/>
      <c r="D16" s="196"/>
      <c r="E16" s="197"/>
      <c r="F16" s="201" t="s">
        <v>63</v>
      </c>
      <c r="G16" s="61" t="s">
        <v>198</v>
      </c>
    </row>
    <row r="17" spans="1:7" ht="15" customHeight="1" x14ac:dyDescent="0.2">
      <c r="A17" s="194"/>
      <c r="B17" s="194"/>
      <c r="C17" s="194"/>
      <c r="D17" s="194"/>
      <c r="E17" s="198"/>
      <c r="F17" s="202"/>
      <c r="G17" s="62" t="s">
        <v>64</v>
      </c>
    </row>
    <row r="18" spans="1:7" ht="14.25" customHeight="1" x14ac:dyDescent="0.2">
      <c r="A18" s="63" t="s">
        <v>43</v>
      </c>
      <c r="B18" s="64"/>
      <c r="C18" s="64"/>
      <c r="D18" s="64"/>
      <c r="E18" s="64"/>
      <c r="F18" s="170">
        <v>6342535998.6799984</v>
      </c>
      <c r="G18" s="171">
        <v>0</v>
      </c>
    </row>
    <row r="19" spans="1:7" ht="14.25" customHeight="1" x14ac:dyDescent="0.2">
      <c r="A19" s="67" t="s">
        <v>145</v>
      </c>
      <c r="B19" s="64"/>
      <c r="C19" s="64"/>
      <c r="D19" s="64"/>
      <c r="E19" s="64"/>
      <c r="F19" s="172">
        <v>4476388389.8999987</v>
      </c>
      <c r="G19" s="173">
        <v>0</v>
      </c>
    </row>
    <row r="20" spans="1:7" ht="14.25" customHeight="1" x14ac:dyDescent="0.2">
      <c r="A20" s="67" t="s">
        <v>146</v>
      </c>
      <c r="B20" s="64"/>
      <c r="C20" s="64"/>
      <c r="D20" s="64"/>
      <c r="E20" s="64"/>
      <c r="F20" s="172">
        <v>1866147608.78</v>
      </c>
      <c r="G20" s="173">
        <v>0</v>
      </c>
    </row>
    <row r="21" spans="1:7" ht="14.25" customHeight="1" x14ac:dyDescent="0.2">
      <c r="A21" s="67" t="s">
        <v>147</v>
      </c>
      <c r="B21" s="64"/>
      <c r="C21" s="64"/>
      <c r="D21" s="64"/>
      <c r="E21" s="64"/>
      <c r="F21" s="172">
        <v>0</v>
      </c>
      <c r="G21" s="173">
        <v>0</v>
      </c>
    </row>
    <row r="22" spans="1:7" ht="14.25" customHeight="1" x14ac:dyDescent="0.2">
      <c r="A22" s="63" t="s">
        <v>68</v>
      </c>
      <c r="B22" s="63"/>
      <c r="C22" s="63"/>
      <c r="D22" s="63"/>
      <c r="E22" s="63"/>
      <c r="F22" s="174">
        <v>2114515086.6299999</v>
      </c>
      <c r="G22" s="174">
        <v>0</v>
      </c>
    </row>
    <row r="23" spans="1:7" ht="14.25" customHeight="1" x14ac:dyDescent="0.2">
      <c r="A23" s="67" t="s">
        <v>44</v>
      </c>
      <c r="B23" s="64"/>
      <c r="C23" s="64"/>
      <c r="D23" s="64"/>
      <c r="E23" s="64"/>
      <c r="F23" s="172">
        <v>25909444.190000001</v>
      </c>
      <c r="G23" s="173">
        <v>0</v>
      </c>
    </row>
    <row r="24" spans="1:7" ht="14.25" customHeight="1" x14ac:dyDescent="0.2">
      <c r="A24" s="67" t="s">
        <v>142</v>
      </c>
      <c r="B24" s="64"/>
      <c r="C24" s="64"/>
      <c r="D24" s="64"/>
      <c r="E24" s="64"/>
      <c r="F24" s="172">
        <v>87263.59</v>
      </c>
      <c r="G24" s="173">
        <v>0</v>
      </c>
    </row>
    <row r="25" spans="1:7" ht="14.25" customHeight="1" x14ac:dyDescent="0.2">
      <c r="A25" s="67" t="s">
        <v>143</v>
      </c>
      <c r="B25" s="64"/>
      <c r="C25" s="64"/>
      <c r="D25" s="64"/>
      <c r="E25" s="64"/>
      <c r="F25" s="172">
        <v>108678727.28</v>
      </c>
      <c r="G25" s="173">
        <v>0</v>
      </c>
    </row>
    <row r="26" spans="1:7" ht="14.25" customHeight="1" x14ac:dyDescent="0.2">
      <c r="A26" s="67" t="s">
        <v>45</v>
      </c>
      <c r="B26" s="64"/>
      <c r="C26" s="64"/>
      <c r="D26" s="64"/>
      <c r="E26" s="64"/>
      <c r="F26" s="172">
        <v>1866147608.78</v>
      </c>
      <c r="G26" s="175">
        <v>0</v>
      </c>
    </row>
    <row r="27" spans="1:7" ht="14.25" customHeight="1" x14ac:dyDescent="0.2">
      <c r="A27" s="73" t="s">
        <v>204</v>
      </c>
      <c r="B27" s="74"/>
      <c r="C27" s="74"/>
      <c r="D27" s="74"/>
      <c r="E27" s="74"/>
      <c r="F27" s="176">
        <v>113692042.78999999</v>
      </c>
      <c r="G27" s="177">
        <v>0</v>
      </c>
    </row>
    <row r="28" spans="1:7" ht="14.25" customHeight="1" x14ac:dyDescent="0.2">
      <c r="A28" s="137" t="s">
        <v>65</v>
      </c>
      <c r="B28" s="138"/>
      <c r="C28" s="138"/>
      <c r="D28" s="138"/>
      <c r="E28" s="138"/>
      <c r="F28" s="181">
        <v>4228020912.0499983</v>
      </c>
      <c r="G28" s="182">
        <v>0</v>
      </c>
    </row>
    <row r="29" spans="1:7" x14ac:dyDescent="0.2">
      <c r="A29" s="77"/>
      <c r="B29" s="77"/>
      <c r="C29" s="77"/>
      <c r="D29" s="77"/>
      <c r="E29" s="77"/>
      <c r="F29" s="78"/>
      <c r="G29" s="78"/>
    </row>
    <row r="30" spans="1:7" ht="14.25" customHeight="1" x14ac:dyDescent="0.2">
      <c r="A30" s="187" t="s">
        <v>66</v>
      </c>
      <c r="B30" s="187"/>
      <c r="C30" s="187"/>
      <c r="D30" s="187"/>
      <c r="E30" s="187"/>
      <c r="F30" s="79" t="s">
        <v>3</v>
      </c>
      <c r="G30" s="79" t="s">
        <v>7</v>
      </c>
    </row>
    <row r="31" spans="1:7" ht="14.25" customHeight="1" x14ac:dyDescent="0.2">
      <c r="A31" s="152" t="s">
        <v>50</v>
      </c>
      <c r="B31" s="81"/>
      <c r="C31" s="81"/>
      <c r="D31" s="81"/>
      <c r="E31" s="81"/>
      <c r="F31" s="178">
        <v>8277846556.6599998</v>
      </c>
      <c r="G31" s="179"/>
    </row>
    <row r="32" spans="1:7" ht="14.25" customHeight="1" x14ac:dyDescent="0.2">
      <c r="A32" s="84" t="s">
        <v>159</v>
      </c>
      <c r="B32" s="85"/>
      <c r="C32" s="85"/>
      <c r="D32" s="85"/>
      <c r="E32" s="85"/>
      <c r="F32" s="183">
        <v>4228020912.0499983</v>
      </c>
      <c r="G32" s="184">
        <v>51.076338309850819</v>
      </c>
    </row>
    <row r="33" spans="1:7" ht="14.25" customHeight="1" x14ac:dyDescent="0.2">
      <c r="A33" s="188" t="s">
        <v>164</v>
      </c>
      <c r="B33" s="188"/>
      <c r="C33" s="188"/>
      <c r="D33" s="188"/>
      <c r="E33" s="189"/>
      <c r="F33" s="180">
        <v>4966707933.9959993</v>
      </c>
      <c r="G33" s="180">
        <v>60</v>
      </c>
    </row>
    <row r="34" spans="1:7" ht="14.25" customHeight="1" x14ac:dyDescent="0.2">
      <c r="A34" s="152" t="s">
        <v>196</v>
      </c>
      <c r="B34" s="80"/>
      <c r="C34" s="80"/>
      <c r="D34" s="80"/>
      <c r="E34" s="80"/>
      <c r="F34" s="180">
        <v>4718372537.2961988</v>
      </c>
      <c r="G34" s="180">
        <v>57</v>
      </c>
    </row>
    <row r="35" spans="1:7" ht="14.25" customHeight="1" x14ac:dyDescent="0.2">
      <c r="A35" s="152" t="s">
        <v>197</v>
      </c>
      <c r="B35" s="80"/>
      <c r="C35" s="80"/>
      <c r="D35" s="80"/>
      <c r="E35" s="80"/>
      <c r="F35" s="180">
        <v>4470037140.5963993</v>
      </c>
      <c r="G35" s="180">
        <v>54</v>
      </c>
    </row>
    <row r="36" spans="1:7" s="71" customFormat="1" x14ac:dyDescent="0.2">
      <c r="A36" s="37" t="s">
        <v>218</v>
      </c>
      <c r="B36" s="88"/>
      <c r="C36" s="88"/>
      <c r="D36" s="88"/>
      <c r="E36" s="88"/>
      <c r="F36" s="88"/>
      <c r="G36" s="89">
        <v>42460.492128703707</v>
      </c>
    </row>
    <row r="37" spans="1:7" ht="36.75" customHeight="1" x14ac:dyDescent="0.2">
      <c r="A37" s="190" t="s">
        <v>156</v>
      </c>
      <c r="B37" s="190"/>
      <c r="C37" s="190"/>
      <c r="D37" s="190"/>
      <c r="E37" s="190"/>
      <c r="F37" s="190"/>
      <c r="G37" s="190"/>
    </row>
    <row r="38" spans="1:7" x14ac:dyDescent="0.2">
      <c r="A38" s="190" t="s">
        <v>157</v>
      </c>
      <c r="B38" s="190"/>
      <c r="C38" s="190"/>
      <c r="D38" s="190"/>
      <c r="E38" s="190"/>
      <c r="F38" s="190"/>
      <c r="G38" s="190"/>
    </row>
    <row r="48" spans="1:7" s="3" customFormat="1" x14ac:dyDescent="0.2"/>
    <row r="49" s="3" customFormat="1" x14ac:dyDescent="0.2"/>
    <row r="50" s="3" customFormat="1" x14ac:dyDescent="0.2"/>
    <row r="51" s="3" customFormat="1" x14ac:dyDescent="0.2"/>
    <row r="52" s="4" customFormat="1" x14ac:dyDescent="0.2"/>
    <row r="53" s="3" customFormat="1" x14ac:dyDescent="0.2"/>
    <row r="54" s="3" customFormat="1" x14ac:dyDescent="0.2"/>
    <row r="55" s="3" customFormat="1" x14ac:dyDescent="0.2"/>
    <row r="56" s="3" customFormat="1" x14ac:dyDescent="0.2"/>
    <row r="57" s="3" customFormat="1" x14ac:dyDescent="0.2"/>
    <row r="58" s="3" customFormat="1" x14ac:dyDescent="0.2"/>
  </sheetData>
  <customSheetViews>
    <customSheetView guid="{30645A97-BC3E-4EE0-B86A-653F48DD2F61}" showPageBreaks="1" showGridLines="0" fitToPage="1" printArea="1" topLeftCell="A16">
      <selection activeCell="A3" sqref="A3:XFD3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05BE6146-A9DF-4967-AF82-02B690EDB2A3}" showPageBreaks="1" showGridLines="0" fitToPage="1" printArea="1" topLeftCell="A25">
      <selection activeCell="K19" sqref="K19:M19"/>
      <pageMargins left="0.19685039370078741" right="0.19685039370078741" top="0.39370078740157483" bottom="0.19685039370078741" header="0" footer="0"/>
      <printOptions horizontalCentered="1"/>
      <pageSetup paperSize="9" scale="77" orientation="portrait" r:id="rId2"/>
    </customSheetView>
    <customSheetView guid="{6C121633-ED4E-47D4-9C39-9D582FC532C7}" showPageBreaks="1" showGridLines="0" fitToPage="1" printArea="1" topLeftCell="A7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8" orientation="portrait" r:id="rId3"/>
    </customSheetView>
    <customSheetView guid="{D8FEB5D0-D989-4C2B-BD50-DB181944A81F}" showGridLines="0" fitToPage="1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2E3109D4-AAF5-4B4A-B3D6-6363C0BC1DF5}" showPageBreaks="1" showGridLines="0" fitToPage="1" printArea="1">
      <selection activeCell="J32" sqref="J32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A3DDC128-A56B-4F45-A551-BA04BB179A3D}" showPageBreaks="1" showGridLines="0" fitToPage="1" printArea="1" topLeftCell="A7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7" orientation="portrait" r:id="rId6"/>
    </customSheetView>
  </customSheetViews>
  <mergeCells count="15">
    <mergeCell ref="A8:G8"/>
    <mergeCell ref="A3:G3"/>
    <mergeCell ref="A4:G4"/>
    <mergeCell ref="A5:G5"/>
    <mergeCell ref="A6:G6"/>
    <mergeCell ref="A7:G7"/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G59"/>
  <sheetViews>
    <sheetView showGridLines="0" zoomScaleNormal="100" workbookViewId="0"/>
  </sheetViews>
  <sheetFormatPr defaultRowHeight="10.5" x14ac:dyDescent="0.2"/>
  <cols>
    <col min="1" max="1" width="65.7109375" style="59" customWidth="1"/>
    <col min="2" max="5" width="5.7109375" style="59" customWidth="1"/>
    <col min="6" max="7" width="20.7109375" style="59" customWidth="1"/>
    <col min="8" max="16384" width="9.140625" style="59"/>
  </cols>
  <sheetData>
    <row r="1" spans="1:7" x14ac:dyDescent="0.2">
      <c r="A1" s="57"/>
      <c r="B1" s="57"/>
      <c r="C1" s="57"/>
      <c r="D1" s="57"/>
      <c r="E1" s="57"/>
      <c r="F1" s="58"/>
      <c r="G1" s="58"/>
    </row>
    <row r="2" spans="1:7" x14ac:dyDescent="0.2">
      <c r="A2" s="57"/>
      <c r="B2" s="57"/>
      <c r="C2" s="57"/>
      <c r="D2" s="57"/>
      <c r="E2" s="57"/>
      <c r="F2" s="58"/>
      <c r="G2" s="58"/>
    </row>
    <row r="3" spans="1:7" x14ac:dyDescent="0.2">
      <c r="A3" s="203" t="s">
        <v>199</v>
      </c>
      <c r="B3" s="203"/>
      <c r="C3" s="203"/>
      <c r="D3" s="203"/>
      <c r="E3" s="203"/>
      <c r="F3" s="203"/>
      <c r="G3" s="203"/>
    </row>
    <row r="4" spans="1:7" x14ac:dyDescent="0.2">
      <c r="A4" s="203" t="s">
        <v>201</v>
      </c>
      <c r="B4" s="203"/>
      <c r="C4" s="203"/>
      <c r="D4" s="203"/>
      <c r="E4" s="203"/>
      <c r="F4" s="203"/>
      <c r="G4" s="203"/>
    </row>
    <row r="5" spans="1:7" x14ac:dyDescent="0.2">
      <c r="A5" s="203" t="s">
        <v>0</v>
      </c>
      <c r="B5" s="203"/>
      <c r="C5" s="203"/>
      <c r="D5" s="203"/>
      <c r="E5" s="203"/>
      <c r="F5" s="203"/>
      <c r="G5" s="203"/>
    </row>
    <row r="6" spans="1:7" x14ac:dyDescent="0.2">
      <c r="A6" s="203" t="s">
        <v>10</v>
      </c>
      <c r="B6" s="203"/>
      <c r="C6" s="203"/>
      <c r="D6" s="203"/>
      <c r="E6" s="203"/>
      <c r="F6" s="203"/>
      <c r="G6" s="203"/>
    </row>
    <row r="7" spans="1:7" x14ac:dyDescent="0.2">
      <c r="A7" s="203" t="s">
        <v>4</v>
      </c>
      <c r="B7" s="203"/>
      <c r="C7" s="203"/>
      <c r="D7" s="203"/>
      <c r="E7" s="203"/>
      <c r="F7" s="203"/>
      <c r="G7" s="203"/>
    </row>
    <row r="8" spans="1:7" x14ac:dyDescent="0.2">
      <c r="A8" s="203" t="s">
        <v>212</v>
      </c>
      <c r="B8" s="203"/>
      <c r="C8" s="203"/>
      <c r="D8" s="203"/>
      <c r="E8" s="203"/>
      <c r="F8" s="203"/>
      <c r="G8" s="203"/>
    </row>
    <row r="9" spans="1:7" x14ac:dyDescent="0.2">
      <c r="A9" s="58"/>
      <c r="B9" s="58"/>
      <c r="C9" s="58"/>
      <c r="D9" s="58"/>
      <c r="E9" s="58"/>
      <c r="F9" s="58"/>
      <c r="G9" s="58"/>
    </row>
    <row r="10" spans="1:7" x14ac:dyDescent="0.2">
      <c r="A10" s="57" t="s">
        <v>144</v>
      </c>
      <c r="B10" s="57"/>
      <c r="C10" s="57"/>
      <c r="D10" s="57"/>
      <c r="E10" s="57"/>
      <c r="F10" s="57"/>
      <c r="G10" s="60">
        <v>1</v>
      </c>
    </row>
    <row r="11" spans="1:7" ht="15" customHeight="1" x14ac:dyDescent="0.2">
      <c r="A11" s="192" t="s">
        <v>13</v>
      </c>
      <c r="B11" s="192"/>
      <c r="C11" s="192"/>
      <c r="D11" s="192"/>
      <c r="E11" s="195"/>
      <c r="F11" s="191" t="s">
        <v>54</v>
      </c>
      <c r="G11" s="192"/>
    </row>
    <row r="12" spans="1:7" ht="15" customHeight="1" x14ac:dyDescent="0.2">
      <c r="A12" s="196"/>
      <c r="B12" s="196"/>
      <c r="C12" s="196"/>
      <c r="D12" s="196"/>
      <c r="E12" s="197"/>
      <c r="F12" s="193" t="s">
        <v>37</v>
      </c>
      <c r="G12" s="194"/>
    </row>
    <row r="13" spans="1:7" ht="15" customHeight="1" x14ac:dyDescent="0.2">
      <c r="A13" s="196"/>
      <c r="B13" s="196"/>
      <c r="C13" s="196"/>
      <c r="D13" s="196"/>
      <c r="E13" s="197"/>
      <c r="F13" s="199" t="s">
        <v>55</v>
      </c>
      <c r="G13" s="1" t="s">
        <v>56</v>
      </c>
    </row>
    <row r="14" spans="1:7" ht="15" customHeight="1" x14ac:dyDescent="0.2">
      <c r="A14" s="196"/>
      <c r="B14" s="196"/>
      <c r="C14" s="196"/>
      <c r="D14" s="196"/>
      <c r="E14" s="197"/>
      <c r="F14" s="200"/>
      <c r="G14" s="18" t="s">
        <v>57</v>
      </c>
    </row>
    <row r="15" spans="1:7" ht="15" customHeight="1" x14ac:dyDescent="0.2">
      <c r="A15" s="196"/>
      <c r="B15" s="196"/>
      <c r="C15" s="196"/>
      <c r="D15" s="196"/>
      <c r="E15" s="197"/>
      <c r="F15" s="200"/>
      <c r="G15" s="18" t="s">
        <v>58</v>
      </c>
    </row>
    <row r="16" spans="1:7" ht="15" customHeight="1" x14ac:dyDescent="0.2">
      <c r="A16" s="196"/>
      <c r="B16" s="196"/>
      <c r="C16" s="196"/>
      <c r="D16" s="196"/>
      <c r="E16" s="197"/>
      <c r="F16" s="201" t="s">
        <v>63</v>
      </c>
      <c r="G16" s="61" t="s">
        <v>198</v>
      </c>
    </row>
    <row r="17" spans="1:7" ht="15" customHeight="1" x14ac:dyDescent="0.2">
      <c r="A17" s="194"/>
      <c r="B17" s="194"/>
      <c r="C17" s="194"/>
      <c r="D17" s="194"/>
      <c r="E17" s="198"/>
      <c r="F17" s="202"/>
      <c r="G17" s="62" t="s">
        <v>64</v>
      </c>
    </row>
    <row r="18" spans="1:7" ht="14.25" customHeight="1" x14ac:dyDescent="0.2">
      <c r="A18" s="63" t="s">
        <v>43</v>
      </c>
      <c r="B18" s="64"/>
      <c r="C18" s="64"/>
      <c r="D18" s="64"/>
      <c r="E18" s="64"/>
      <c r="F18" s="65">
        <v>5167435351.5499992</v>
      </c>
      <c r="G18" s="66">
        <v>0</v>
      </c>
    </row>
    <row r="19" spans="1:7" ht="14.25" customHeight="1" x14ac:dyDescent="0.2">
      <c r="A19" s="67" t="s">
        <v>145</v>
      </c>
      <c r="B19" s="64"/>
      <c r="C19" s="64"/>
      <c r="D19" s="64"/>
      <c r="E19" s="64"/>
      <c r="F19" s="68">
        <v>3557301479.9399996</v>
      </c>
      <c r="G19" s="69">
        <v>0</v>
      </c>
    </row>
    <row r="20" spans="1:7" ht="14.25" customHeight="1" x14ac:dyDescent="0.2">
      <c r="A20" s="67" t="s">
        <v>146</v>
      </c>
      <c r="B20" s="64"/>
      <c r="C20" s="64"/>
      <c r="D20" s="64"/>
      <c r="E20" s="64"/>
      <c r="F20" s="68">
        <v>1610133871.6099999</v>
      </c>
      <c r="G20" s="69">
        <v>0</v>
      </c>
    </row>
    <row r="21" spans="1:7" ht="14.25" customHeight="1" x14ac:dyDescent="0.2">
      <c r="A21" s="67" t="s">
        <v>147</v>
      </c>
      <c r="B21" s="64"/>
      <c r="C21" s="64"/>
      <c r="D21" s="64"/>
      <c r="E21" s="64"/>
      <c r="F21" s="68">
        <v>0</v>
      </c>
      <c r="G21" s="69">
        <v>0</v>
      </c>
    </row>
    <row r="22" spans="1:7" ht="14.25" customHeight="1" x14ac:dyDescent="0.2">
      <c r="A22" s="63" t="s">
        <v>68</v>
      </c>
      <c r="B22" s="63"/>
      <c r="C22" s="63"/>
      <c r="D22" s="63"/>
      <c r="E22" s="63"/>
      <c r="F22" s="133">
        <v>1699832845.3299999</v>
      </c>
      <c r="G22" s="70">
        <v>0</v>
      </c>
    </row>
    <row r="23" spans="1:7" ht="14.25" customHeight="1" x14ac:dyDescent="0.2">
      <c r="A23" s="67" t="s">
        <v>44</v>
      </c>
      <c r="B23" s="64"/>
      <c r="C23" s="64"/>
      <c r="D23" s="64"/>
      <c r="E23" s="64"/>
      <c r="F23" s="68">
        <v>20802735.140000001</v>
      </c>
      <c r="G23" s="69">
        <v>0</v>
      </c>
    </row>
    <row r="24" spans="1:7" ht="14.25" customHeight="1" x14ac:dyDescent="0.2">
      <c r="A24" s="67" t="s">
        <v>142</v>
      </c>
      <c r="B24" s="64"/>
      <c r="C24" s="64"/>
      <c r="D24" s="64"/>
      <c r="E24" s="64"/>
      <c r="F24" s="68">
        <v>87263.59</v>
      </c>
      <c r="G24" s="69">
        <v>0</v>
      </c>
    </row>
    <row r="25" spans="1:7" ht="14.25" customHeight="1" x14ac:dyDescent="0.2">
      <c r="A25" s="67" t="s">
        <v>143</v>
      </c>
      <c r="B25" s="64"/>
      <c r="C25" s="64"/>
      <c r="D25" s="64"/>
      <c r="E25" s="64"/>
      <c r="F25" s="68">
        <v>68808974.989999995</v>
      </c>
      <c r="G25" s="69">
        <v>0</v>
      </c>
    </row>
    <row r="26" spans="1:7" ht="14.25" customHeight="1" x14ac:dyDescent="0.2">
      <c r="A26" s="67" t="s">
        <v>45</v>
      </c>
      <c r="B26" s="64"/>
      <c r="C26" s="64"/>
      <c r="D26" s="64"/>
      <c r="E26" s="64"/>
      <c r="F26" s="68">
        <v>1610133871.6099999</v>
      </c>
      <c r="G26" s="72">
        <v>0</v>
      </c>
    </row>
    <row r="27" spans="1:7" ht="14.25" customHeight="1" x14ac:dyDescent="0.2">
      <c r="A27" s="73" t="s">
        <v>204</v>
      </c>
      <c r="B27" s="74"/>
      <c r="C27" s="74"/>
      <c r="D27" s="74"/>
      <c r="E27" s="74"/>
      <c r="F27" s="75">
        <v>0</v>
      </c>
      <c r="G27" s="76"/>
    </row>
    <row r="28" spans="1:7" ht="14.25" customHeight="1" x14ac:dyDescent="0.2">
      <c r="A28" s="137" t="s">
        <v>65</v>
      </c>
      <c r="B28" s="138"/>
      <c r="C28" s="138"/>
      <c r="D28" s="138"/>
      <c r="E28" s="138"/>
      <c r="F28" s="139">
        <v>3467602506.2199993</v>
      </c>
      <c r="G28" s="140">
        <v>0</v>
      </c>
    </row>
    <row r="29" spans="1:7" x14ac:dyDescent="0.2">
      <c r="A29" s="77"/>
      <c r="B29" s="77"/>
      <c r="C29" s="77"/>
      <c r="D29" s="77"/>
      <c r="E29" s="77"/>
      <c r="F29" s="134"/>
      <c r="G29" s="134"/>
    </row>
    <row r="30" spans="1:7" ht="14.25" customHeight="1" x14ac:dyDescent="0.2">
      <c r="A30" s="187" t="s">
        <v>66</v>
      </c>
      <c r="B30" s="187"/>
      <c r="C30" s="187"/>
      <c r="D30" s="187"/>
      <c r="E30" s="187"/>
      <c r="F30" s="135" t="s">
        <v>3</v>
      </c>
      <c r="G30" s="135" t="s">
        <v>7</v>
      </c>
    </row>
    <row r="31" spans="1:7" ht="14.25" customHeight="1" x14ac:dyDescent="0.2">
      <c r="A31" s="80" t="s">
        <v>50</v>
      </c>
      <c r="B31" s="81"/>
      <c r="C31" s="81"/>
      <c r="D31" s="81"/>
      <c r="E31" s="81"/>
      <c r="F31" s="82">
        <v>8277846556.6599998</v>
      </c>
      <c r="G31" s="83"/>
    </row>
    <row r="32" spans="1:7" ht="14.25" customHeight="1" x14ac:dyDescent="0.2">
      <c r="A32" s="84" t="s">
        <v>159</v>
      </c>
      <c r="B32" s="85"/>
      <c r="C32" s="85"/>
      <c r="D32" s="85"/>
      <c r="E32" s="85"/>
      <c r="F32" s="86">
        <v>3467602506.2199993</v>
      </c>
      <c r="G32" s="135">
        <v>41.890152015805548</v>
      </c>
    </row>
    <row r="33" spans="1:7" ht="14.25" customHeight="1" x14ac:dyDescent="0.2">
      <c r="A33" s="188" t="s">
        <v>164</v>
      </c>
      <c r="B33" s="188"/>
      <c r="C33" s="188"/>
      <c r="D33" s="188"/>
      <c r="E33" s="189"/>
      <c r="F33" s="87">
        <v>4056144812.7634001</v>
      </c>
      <c r="G33" s="136">
        <v>49</v>
      </c>
    </row>
    <row r="34" spans="1:7" ht="14.25" customHeight="1" x14ac:dyDescent="0.2">
      <c r="A34" s="80" t="s">
        <v>196</v>
      </c>
      <c r="B34" s="80"/>
      <c r="C34" s="80"/>
      <c r="D34" s="80"/>
      <c r="E34" s="80"/>
      <c r="F34" s="87">
        <v>3853337572.1252298</v>
      </c>
      <c r="G34" s="136">
        <v>46.55</v>
      </c>
    </row>
    <row r="35" spans="1:7" ht="14.25" customHeight="1" x14ac:dyDescent="0.2">
      <c r="A35" s="80" t="s">
        <v>197</v>
      </c>
      <c r="B35" s="80"/>
      <c r="C35" s="80"/>
      <c r="D35" s="80"/>
      <c r="E35" s="80"/>
      <c r="F35" s="87">
        <v>3650530331.4870601</v>
      </c>
      <c r="G35" s="136">
        <v>44.1</v>
      </c>
    </row>
    <row r="36" spans="1:7" s="71" customFormat="1" x14ac:dyDescent="0.2">
      <c r="A36" s="37" t="s">
        <v>218</v>
      </c>
      <c r="B36" s="88"/>
      <c r="C36" s="88"/>
      <c r="D36" s="88"/>
      <c r="E36" s="88"/>
      <c r="F36" s="88"/>
      <c r="G36" s="89">
        <v>42460.492397453701</v>
      </c>
    </row>
    <row r="37" spans="1:7" ht="35.25" customHeight="1" x14ac:dyDescent="0.2">
      <c r="A37" s="190" t="s">
        <v>156</v>
      </c>
      <c r="B37" s="190"/>
      <c r="C37" s="190"/>
      <c r="D37" s="190"/>
      <c r="E37" s="190"/>
      <c r="F37" s="190"/>
      <c r="G37" s="190"/>
    </row>
    <row r="38" spans="1:7" x14ac:dyDescent="0.2">
      <c r="A38" s="190" t="s">
        <v>157</v>
      </c>
      <c r="B38" s="190"/>
      <c r="C38" s="190"/>
      <c r="D38" s="190"/>
      <c r="E38" s="190"/>
      <c r="F38" s="190"/>
      <c r="G38" s="190"/>
    </row>
    <row r="48" spans="1:7" s="3" customFormat="1" x14ac:dyDescent="0.2"/>
    <row r="49" spans="1:7" s="3" customFormat="1" x14ac:dyDescent="0.2">
      <c r="A49" s="4"/>
      <c r="B49" s="4"/>
      <c r="C49" s="12"/>
      <c r="D49" s="4"/>
    </row>
    <row r="50" spans="1:7" s="3" customFormat="1" x14ac:dyDescent="0.2"/>
    <row r="51" spans="1:7" s="3" customFormat="1" x14ac:dyDescent="0.2"/>
    <row r="52" spans="1:7" s="3" customFormat="1" x14ac:dyDescent="0.2">
      <c r="A52" s="4"/>
      <c r="B52" s="4"/>
      <c r="C52" s="4"/>
      <c r="D52" s="4"/>
      <c r="E52" s="4"/>
      <c r="F52" s="4"/>
      <c r="G52" s="4"/>
    </row>
    <row r="53" spans="1:7" s="3" customFormat="1" x14ac:dyDescent="0.2"/>
    <row r="54" spans="1:7" s="3" customFormat="1" x14ac:dyDescent="0.2"/>
    <row r="55" spans="1:7" s="3" customFormat="1" x14ac:dyDescent="0.2"/>
    <row r="56" spans="1:7" s="3" customFormat="1" x14ac:dyDescent="0.2">
      <c r="A56" s="5"/>
      <c r="B56" s="5"/>
      <c r="C56" s="5"/>
      <c r="D56" s="5"/>
    </row>
    <row r="57" spans="1:7" s="3" customFormat="1" x14ac:dyDescent="0.2">
      <c r="A57" s="5"/>
      <c r="B57" s="5"/>
      <c r="C57" s="5"/>
      <c r="D57" s="5"/>
    </row>
    <row r="58" spans="1:7" s="3" customFormat="1" x14ac:dyDescent="0.2">
      <c r="A58" s="5"/>
      <c r="B58" s="5"/>
      <c r="C58" s="5"/>
      <c r="D58" s="5"/>
    </row>
    <row r="59" spans="1:7" s="3" customFormat="1" x14ac:dyDescent="0.2">
      <c r="A59" s="5"/>
      <c r="B59" s="5"/>
      <c r="C59" s="5"/>
      <c r="D59" s="5"/>
    </row>
  </sheetData>
  <customSheetViews>
    <customSheetView guid="{30645A97-BC3E-4EE0-B86A-653F48DD2F61}" showPageBreaks="1" showGridLines="0" fitToPage="1" printArea="1">
      <selection activeCell="A9" sqref="A9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05BE6146-A9DF-4967-AF82-02B690EDB2A3}" showPageBreaks="1" showGridLines="0" fitToPage="1" printArea="1" topLeftCell="A13">
      <selection activeCell="K19" sqref="K19:M19"/>
      <pageMargins left="0.19685039370078741" right="0.19685039370078741" top="0.39370078740157483" bottom="0.19685039370078741" header="0" footer="0"/>
      <printOptions horizontalCentered="1"/>
      <pageSetup paperSize="9" scale="77" orientation="portrait" r:id="rId2"/>
    </customSheetView>
    <customSheetView guid="{6C121633-ED4E-47D4-9C39-9D582FC532C7}" showPageBreaks="1" showGridLines="0" fitToPage="1" printArea="1">
      <selection activeCell="A2" sqref="A2"/>
      <pageMargins left="0.19685039370078741" right="0.19685039370078741" top="0.59055118110236227" bottom="0.39370078740157483" header="0" footer="0"/>
      <printOptions horizontalCentered="1"/>
      <pageSetup paperSize="9" scale="78" orientation="portrait" r:id="rId3"/>
    </customSheetView>
    <customSheetView guid="{D8FEB5D0-D989-4C2B-BD50-DB181944A81F}" showGridLines="0" fitToPage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4"/>
    </customSheetView>
    <customSheetView guid="{2E3109D4-AAF5-4B4A-B3D6-6363C0BC1DF5}" showPageBreaks="1" showGridLines="0" fitToPage="1" printArea="1">
      <selection activeCell="F20" sqref="F20"/>
      <pageMargins left="0.19685039370078741" right="0.19685039370078741" top="0.59055118110236227" bottom="0.39370078740157483" header="0" footer="0"/>
      <printOptions horizontalCentered="1"/>
      <pageSetup paperSize="9" scale="77" orientation="portrait" r:id="rId5"/>
    </customSheetView>
    <customSheetView guid="{A3DDC128-A56B-4F45-A551-BA04BB179A3D}" showPageBreaks="1" showGridLines="0" fitToPage="1" printArea="1" topLeftCell="A13">
      <selection activeCell="F19" sqref="F19"/>
      <pageMargins left="0.19685039370078741" right="0.19685039370078741" top="0.59055118110236227" bottom="0.39370078740157483" header="0" footer="0"/>
      <printOptions horizontalCentered="1"/>
      <pageSetup paperSize="9" scale="77" orientation="portrait" r:id="rId6"/>
    </customSheetView>
  </customSheetViews>
  <mergeCells count="15"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59055118110236227" bottom="0.39370078740157483" header="0" footer="0"/>
  <pageSetup paperSize="9" scale="77" orientation="portrait" r:id="rId7"/>
  <drawing r:id="rId8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M116"/>
  <sheetViews>
    <sheetView showGridLines="0" zoomScaleNormal="100" workbookViewId="0"/>
  </sheetViews>
  <sheetFormatPr defaultRowHeight="10.5" x14ac:dyDescent="0.2"/>
  <cols>
    <col min="1" max="1" width="60" style="17" customWidth="1"/>
    <col min="2" max="3" width="8.7109375" style="4" customWidth="1"/>
    <col min="4" max="4" width="8.7109375" style="23" customWidth="1"/>
    <col min="5" max="13" width="8.7109375" style="4" customWidth="1"/>
    <col min="14" max="16384" width="9.140625" style="4"/>
  </cols>
  <sheetData>
    <row r="1" spans="1:13" s="5" customFormat="1" ht="11.1" customHeight="1" x14ac:dyDescent="0.2">
      <c r="A1" s="158"/>
      <c r="E1" s="2"/>
    </row>
    <row r="2" spans="1:13" s="5" customFormat="1" ht="11.1" customHeight="1" x14ac:dyDescent="0.2">
      <c r="A2" s="158"/>
      <c r="E2" s="2"/>
    </row>
    <row r="3" spans="1:13" ht="12" customHeight="1" x14ac:dyDescent="0.2">
      <c r="A3" s="268" t="s">
        <v>199</v>
      </c>
      <c r="B3" s="268"/>
      <c r="C3" s="268"/>
      <c r="D3" s="268"/>
      <c r="E3" s="268"/>
      <c r="F3" s="268"/>
      <c r="G3" s="268"/>
      <c r="H3" s="268"/>
      <c r="I3" s="268"/>
      <c r="J3" s="268"/>
      <c r="K3" s="268"/>
      <c r="L3" s="268"/>
      <c r="M3" s="268"/>
    </row>
    <row r="4" spans="1:13" ht="12" customHeight="1" x14ac:dyDescent="0.2">
      <c r="A4" s="268" t="s">
        <v>0</v>
      </c>
      <c r="B4" s="268"/>
      <c r="C4" s="268"/>
      <c r="D4" s="268"/>
      <c r="E4" s="268"/>
      <c r="F4" s="268"/>
      <c r="G4" s="268"/>
      <c r="H4" s="268"/>
      <c r="I4" s="268"/>
      <c r="J4" s="268"/>
      <c r="K4" s="268"/>
      <c r="L4" s="268"/>
      <c r="M4" s="268"/>
    </row>
    <row r="5" spans="1:13" ht="12" customHeight="1" x14ac:dyDescent="0.2">
      <c r="A5" s="268" t="s">
        <v>19</v>
      </c>
      <c r="B5" s="268"/>
      <c r="C5" s="268"/>
      <c r="D5" s="268"/>
      <c r="E5" s="268"/>
      <c r="F5" s="268"/>
      <c r="G5" s="268"/>
      <c r="H5" s="268"/>
      <c r="I5" s="268"/>
      <c r="J5" s="268"/>
      <c r="K5" s="268"/>
      <c r="L5" s="268"/>
      <c r="M5" s="268"/>
    </row>
    <row r="6" spans="1:13" ht="12" customHeight="1" x14ac:dyDescent="0.2">
      <c r="A6" s="268" t="s">
        <v>4</v>
      </c>
      <c r="B6" s="268"/>
      <c r="C6" s="268"/>
      <c r="D6" s="268"/>
      <c r="E6" s="268"/>
      <c r="F6" s="268"/>
      <c r="G6" s="268"/>
      <c r="H6" s="268"/>
      <c r="I6" s="268"/>
      <c r="J6" s="268"/>
      <c r="K6" s="268"/>
      <c r="L6" s="268"/>
      <c r="M6" s="268"/>
    </row>
    <row r="7" spans="1:13" ht="12" customHeight="1" x14ac:dyDescent="0.2">
      <c r="A7" s="268" t="s">
        <v>213</v>
      </c>
      <c r="B7" s="268"/>
      <c r="C7" s="268"/>
      <c r="D7" s="268"/>
      <c r="E7" s="268"/>
      <c r="F7" s="268"/>
      <c r="G7" s="268"/>
      <c r="H7" s="268"/>
      <c r="I7" s="268"/>
      <c r="J7" s="268"/>
      <c r="K7" s="268"/>
      <c r="L7" s="268"/>
      <c r="M7" s="268"/>
    </row>
    <row r="8" spans="1:13" ht="12" customHeight="1" x14ac:dyDescent="0.2">
      <c r="A8" s="55"/>
      <c r="B8" s="22"/>
      <c r="C8" s="22"/>
      <c r="D8" s="22"/>
      <c r="E8" s="22"/>
    </row>
    <row r="9" spans="1:13" ht="12" customHeight="1" x14ac:dyDescent="0.2">
      <c r="A9" s="24" t="s">
        <v>148</v>
      </c>
      <c r="E9" s="6"/>
      <c r="G9" s="6"/>
      <c r="M9" s="6">
        <v>1</v>
      </c>
    </row>
    <row r="10" spans="1:13" ht="15" customHeight="1" x14ac:dyDescent="0.2">
      <c r="A10" s="219" t="s">
        <v>106</v>
      </c>
      <c r="B10" s="217" t="s">
        <v>34</v>
      </c>
      <c r="C10" s="218"/>
      <c r="D10" s="219"/>
      <c r="E10" s="236" t="s">
        <v>202</v>
      </c>
      <c r="F10" s="205"/>
      <c r="G10" s="205"/>
      <c r="H10" s="205"/>
      <c r="I10" s="205"/>
      <c r="J10" s="205"/>
      <c r="K10" s="205"/>
      <c r="L10" s="205"/>
      <c r="M10" s="205"/>
    </row>
    <row r="11" spans="1:13" ht="15" customHeight="1" x14ac:dyDescent="0.2">
      <c r="A11" s="222"/>
      <c r="B11" s="220" t="s">
        <v>35</v>
      </c>
      <c r="C11" s="221"/>
      <c r="D11" s="222"/>
      <c r="E11" s="236" t="s">
        <v>24</v>
      </c>
      <c r="F11" s="205"/>
      <c r="G11" s="237"/>
      <c r="H11" s="236" t="s">
        <v>25</v>
      </c>
      <c r="I11" s="205"/>
      <c r="J11" s="237"/>
      <c r="K11" s="236" t="s">
        <v>26</v>
      </c>
      <c r="L11" s="205"/>
      <c r="M11" s="205"/>
    </row>
    <row r="12" spans="1:13" s="25" customFormat="1" ht="15" customHeight="1" x14ac:dyDescent="0.2">
      <c r="A12" s="24" t="s">
        <v>18</v>
      </c>
      <c r="B12" s="223">
        <v>8602359025.3500004</v>
      </c>
      <c r="C12" s="224"/>
      <c r="D12" s="225"/>
      <c r="E12" s="223">
        <v>8732763384.960001</v>
      </c>
      <c r="F12" s="224"/>
      <c r="G12" s="225"/>
      <c r="H12" s="223">
        <v>8978267911.7399998</v>
      </c>
      <c r="I12" s="224"/>
      <c r="J12" s="225"/>
      <c r="K12" s="223">
        <v>0</v>
      </c>
      <c r="L12" s="224"/>
      <c r="M12" s="224"/>
    </row>
    <row r="13" spans="1:13" ht="15" customHeight="1" x14ac:dyDescent="0.2">
      <c r="A13" s="17" t="s">
        <v>28</v>
      </c>
      <c r="B13" s="226"/>
      <c r="C13" s="227"/>
      <c r="D13" s="228"/>
      <c r="E13" s="226">
        <v>0</v>
      </c>
      <c r="F13" s="227"/>
      <c r="G13" s="228"/>
      <c r="H13" s="226"/>
      <c r="I13" s="227"/>
      <c r="J13" s="228"/>
      <c r="K13" s="226"/>
      <c r="L13" s="227"/>
      <c r="M13" s="227"/>
    </row>
    <row r="14" spans="1:13" ht="15" customHeight="1" x14ac:dyDescent="0.2">
      <c r="A14" s="17" t="s">
        <v>29</v>
      </c>
      <c r="B14" s="226">
        <v>8155814679.3699999</v>
      </c>
      <c r="C14" s="227"/>
      <c r="D14" s="228"/>
      <c r="E14" s="226">
        <v>8211237892.7700005</v>
      </c>
      <c r="F14" s="227"/>
      <c r="G14" s="228"/>
      <c r="H14" s="226">
        <v>8501254063.6900005</v>
      </c>
      <c r="I14" s="227"/>
      <c r="J14" s="228"/>
      <c r="K14" s="226">
        <v>0</v>
      </c>
      <c r="L14" s="227"/>
      <c r="M14" s="227"/>
    </row>
    <row r="15" spans="1:13" ht="15" customHeight="1" x14ac:dyDescent="0.2">
      <c r="A15" s="154" t="s">
        <v>140</v>
      </c>
      <c r="B15" s="226">
        <v>7272745638.1700001</v>
      </c>
      <c r="C15" s="227"/>
      <c r="D15" s="228"/>
      <c r="E15" s="226">
        <v>7222148703.5200005</v>
      </c>
      <c r="F15" s="227"/>
      <c r="G15" s="228"/>
      <c r="H15" s="226">
        <v>7286566768.4899988</v>
      </c>
      <c r="I15" s="227"/>
      <c r="J15" s="228"/>
      <c r="K15" s="226"/>
      <c r="L15" s="227"/>
      <c r="M15" s="227"/>
    </row>
    <row r="16" spans="1:13" ht="15" customHeight="1" x14ac:dyDescent="0.2">
      <c r="A16" s="154" t="s">
        <v>141</v>
      </c>
      <c r="B16" s="226">
        <v>883069041.20000005</v>
      </c>
      <c r="C16" s="227"/>
      <c r="D16" s="228"/>
      <c r="E16" s="226">
        <v>989089189.25</v>
      </c>
      <c r="F16" s="227"/>
      <c r="G16" s="228"/>
      <c r="H16" s="226">
        <v>1214687295.2</v>
      </c>
      <c r="I16" s="227"/>
      <c r="J16" s="228"/>
      <c r="K16" s="226"/>
      <c r="L16" s="227"/>
      <c r="M16" s="227"/>
    </row>
    <row r="17" spans="1:13" ht="15" customHeight="1" x14ac:dyDescent="0.2">
      <c r="A17" s="17" t="s">
        <v>203</v>
      </c>
      <c r="B17" s="226">
        <v>446544345.98000002</v>
      </c>
      <c r="C17" s="227"/>
      <c r="D17" s="228"/>
      <c r="E17" s="226">
        <v>521525492.19</v>
      </c>
      <c r="F17" s="227"/>
      <c r="G17" s="228"/>
      <c r="H17" s="226">
        <v>477013848.05000001</v>
      </c>
      <c r="I17" s="227"/>
      <c r="J17" s="228"/>
      <c r="K17" s="226"/>
      <c r="L17" s="227"/>
      <c r="M17" s="227"/>
    </row>
    <row r="18" spans="1:13" ht="15" customHeight="1" x14ac:dyDescent="0.2">
      <c r="A18" s="17" t="s">
        <v>32</v>
      </c>
      <c r="B18" s="226"/>
      <c r="C18" s="227"/>
      <c r="D18" s="228"/>
      <c r="E18" s="226"/>
      <c r="F18" s="227"/>
      <c r="G18" s="228"/>
      <c r="H18" s="226"/>
      <c r="I18" s="227"/>
      <c r="J18" s="228"/>
      <c r="K18" s="226"/>
      <c r="L18" s="227"/>
      <c r="M18" s="227"/>
    </row>
    <row r="19" spans="1:13" ht="15" customHeight="1" x14ac:dyDescent="0.2">
      <c r="A19" s="24" t="s">
        <v>22</v>
      </c>
      <c r="B19" s="238">
        <v>609938356.0200001</v>
      </c>
      <c r="C19" s="239"/>
      <c r="D19" s="240"/>
      <c r="E19" s="238">
        <v>1077995529.6400001</v>
      </c>
      <c r="F19" s="239"/>
      <c r="G19" s="240"/>
      <c r="H19" s="238">
        <v>953817822.3499999</v>
      </c>
      <c r="I19" s="239"/>
      <c r="J19" s="240"/>
      <c r="K19" s="238">
        <v>0</v>
      </c>
      <c r="L19" s="239"/>
      <c r="M19" s="239"/>
    </row>
    <row r="20" spans="1:13" ht="15" customHeight="1" x14ac:dyDescent="0.2">
      <c r="A20" s="17" t="s">
        <v>104</v>
      </c>
      <c r="B20" s="226">
        <v>755342169.3900001</v>
      </c>
      <c r="C20" s="227"/>
      <c r="D20" s="228"/>
      <c r="E20" s="226">
        <v>1156920301.4000001</v>
      </c>
      <c r="F20" s="227"/>
      <c r="G20" s="228"/>
      <c r="H20" s="226">
        <v>1011365153.54</v>
      </c>
      <c r="I20" s="227"/>
      <c r="J20" s="228"/>
      <c r="K20" s="226"/>
      <c r="L20" s="227"/>
      <c r="M20" s="227"/>
    </row>
    <row r="21" spans="1:13" ht="15" customHeight="1" x14ac:dyDescent="0.2">
      <c r="A21" s="17" t="s">
        <v>105</v>
      </c>
      <c r="B21" s="226"/>
      <c r="C21" s="227"/>
      <c r="D21" s="228"/>
      <c r="E21" s="226"/>
      <c r="F21" s="227"/>
      <c r="G21" s="228"/>
      <c r="H21" s="226"/>
      <c r="I21" s="227"/>
      <c r="J21" s="228"/>
      <c r="K21" s="226"/>
      <c r="L21" s="227"/>
      <c r="M21" s="227"/>
    </row>
    <row r="22" spans="1:13" ht="15" customHeight="1" x14ac:dyDescent="0.2">
      <c r="A22" s="17" t="s">
        <v>103</v>
      </c>
      <c r="B22" s="242">
        <v>145403813.37</v>
      </c>
      <c r="C22" s="243"/>
      <c r="D22" s="244"/>
      <c r="E22" s="256">
        <v>78924771.760000005</v>
      </c>
      <c r="F22" s="257"/>
      <c r="G22" s="258"/>
      <c r="H22" s="256">
        <v>57547331.189999998</v>
      </c>
      <c r="I22" s="257"/>
      <c r="J22" s="258"/>
      <c r="K22" s="242"/>
      <c r="L22" s="243"/>
      <c r="M22" s="243"/>
    </row>
    <row r="23" spans="1:13" ht="15" customHeight="1" x14ac:dyDescent="0.2">
      <c r="A23" s="26" t="s">
        <v>39</v>
      </c>
      <c r="B23" s="232">
        <v>7992420669.3299999</v>
      </c>
      <c r="C23" s="233"/>
      <c r="D23" s="234"/>
      <c r="E23" s="232">
        <v>7654767855.3200006</v>
      </c>
      <c r="F23" s="233"/>
      <c r="G23" s="234"/>
      <c r="H23" s="232">
        <v>8024450089.3899994</v>
      </c>
      <c r="I23" s="233"/>
      <c r="J23" s="234"/>
      <c r="K23" s="232">
        <v>0</v>
      </c>
      <c r="L23" s="233"/>
      <c r="M23" s="233"/>
    </row>
    <row r="24" spans="1:13" ht="15" customHeight="1" x14ac:dyDescent="0.2">
      <c r="A24" s="27" t="s">
        <v>1</v>
      </c>
      <c r="B24" s="229">
        <v>8099122726.4700003</v>
      </c>
      <c r="C24" s="230"/>
      <c r="D24" s="231"/>
      <c r="E24" s="229">
        <v>8126448704.0600004</v>
      </c>
      <c r="F24" s="230"/>
      <c r="G24" s="231"/>
      <c r="H24" s="229">
        <v>8277846556.6599998</v>
      </c>
      <c r="I24" s="230"/>
      <c r="J24" s="230"/>
      <c r="K24" s="229"/>
      <c r="L24" s="230"/>
      <c r="M24" s="230"/>
    </row>
    <row r="25" spans="1:13" ht="15" customHeight="1" x14ac:dyDescent="0.2">
      <c r="A25" s="28" t="s">
        <v>51</v>
      </c>
      <c r="B25" s="229">
        <v>106.21346676517562</v>
      </c>
      <c r="C25" s="230"/>
      <c r="D25" s="231"/>
      <c r="E25" s="229">
        <v>107.46100422189441</v>
      </c>
      <c r="F25" s="230"/>
      <c r="G25" s="231"/>
      <c r="H25" s="229">
        <v>108.46139572998572</v>
      </c>
      <c r="I25" s="230"/>
      <c r="J25" s="231"/>
      <c r="K25" s="229">
        <v>0</v>
      </c>
      <c r="L25" s="230"/>
      <c r="M25" s="230"/>
    </row>
    <row r="26" spans="1:13" ht="15" customHeight="1" x14ac:dyDescent="0.2">
      <c r="A26" s="29" t="s">
        <v>52</v>
      </c>
      <c r="B26" s="232">
        <v>98.682547965457161</v>
      </c>
      <c r="C26" s="233"/>
      <c r="D26" s="234"/>
      <c r="E26" s="232">
        <v>94.195732159062956</v>
      </c>
      <c r="F26" s="233"/>
      <c r="G26" s="234"/>
      <c r="H26" s="232">
        <v>96.938860058161751</v>
      </c>
      <c r="I26" s="233"/>
      <c r="J26" s="234"/>
      <c r="K26" s="232">
        <v>0</v>
      </c>
      <c r="L26" s="233"/>
      <c r="M26" s="233"/>
    </row>
    <row r="27" spans="1:13" ht="15" customHeight="1" x14ac:dyDescent="0.2">
      <c r="A27" s="30" t="s">
        <v>205</v>
      </c>
      <c r="B27" s="229">
        <v>16198245452.940001</v>
      </c>
      <c r="C27" s="230"/>
      <c r="D27" s="231"/>
      <c r="E27" s="229">
        <v>16252897408.120001</v>
      </c>
      <c r="F27" s="230"/>
      <c r="G27" s="231"/>
      <c r="H27" s="229">
        <v>16555693113.32</v>
      </c>
      <c r="I27" s="230"/>
      <c r="J27" s="231"/>
      <c r="K27" s="229">
        <v>0</v>
      </c>
      <c r="L27" s="230"/>
      <c r="M27" s="230"/>
    </row>
    <row r="28" spans="1:13" ht="15" customHeight="1" x14ac:dyDescent="0.2">
      <c r="A28" s="30" t="s">
        <v>206</v>
      </c>
      <c r="B28" s="229">
        <v>14578420907.646</v>
      </c>
      <c r="C28" s="230"/>
      <c r="D28" s="231"/>
      <c r="E28" s="229">
        <v>14627607667.308001</v>
      </c>
      <c r="F28" s="230"/>
      <c r="G28" s="231"/>
      <c r="H28" s="229">
        <v>14900123801.988001</v>
      </c>
      <c r="I28" s="230"/>
      <c r="J28" s="231"/>
      <c r="K28" s="229">
        <v>0</v>
      </c>
      <c r="L28" s="230"/>
      <c r="M28" s="230"/>
    </row>
    <row r="29" spans="1:13" s="34" customFormat="1" ht="15" customHeight="1" x14ac:dyDescent="0.2">
      <c r="A29" s="31"/>
      <c r="B29" s="148">
        <v>609938356.0200001</v>
      </c>
      <c r="C29" s="32">
        <v>1077995529.6400001</v>
      </c>
      <c r="D29" s="32">
        <v>953817822.3499999</v>
      </c>
      <c r="E29" s="32">
        <v>0</v>
      </c>
      <c r="F29" s="33"/>
      <c r="G29" s="33"/>
    </row>
    <row r="30" spans="1:13" ht="15" customHeight="1" x14ac:dyDescent="0.2">
      <c r="A30" s="219" t="s">
        <v>107</v>
      </c>
      <c r="B30" s="217" t="s">
        <v>34</v>
      </c>
      <c r="C30" s="218"/>
      <c r="D30" s="219"/>
      <c r="E30" s="236" t="s">
        <v>202</v>
      </c>
      <c r="F30" s="205"/>
      <c r="G30" s="205"/>
      <c r="H30" s="205"/>
      <c r="I30" s="205"/>
      <c r="J30" s="205"/>
      <c r="K30" s="205"/>
      <c r="L30" s="205"/>
      <c r="M30" s="205"/>
    </row>
    <row r="31" spans="1:13" ht="15" customHeight="1" x14ac:dyDescent="0.2">
      <c r="A31" s="222"/>
      <c r="B31" s="220" t="s">
        <v>35</v>
      </c>
      <c r="C31" s="221"/>
      <c r="D31" s="222"/>
      <c r="E31" s="236" t="s">
        <v>24</v>
      </c>
      <c r="F31" s="205"/>
      <c r="G31" s="237"/>
      <c r="H31" s="236" t="s">
        <v>25</v>
      </c>
      <c r="I31" s="205"/>
      <c r="J31" s="237"/>
      <c r="K31" s="236" t="s">
        <v>26</v>
      </c>
      <c r="L31" s="205"/>
      <c r="M31" s="205"/>
    </row>
    <row r="32" spans="1:13" ht="15" customHeight="1" x14ac:dyDescent="0.2">
      <c r="A32" s="24" t="s">
        <v>131</v>
      </c>
      <c r="B32" s="223">
        <v>8155814679.3699999</v>
      </c>
      <c r="C32" s="224"/>
      <c r="D32" s="225"/>
      <c r="E32" s="223">
        <v>8211237892.7700005</v>
      </c>
      <c r="F32" s="224"/>
      <c r="G32" s="225"/>
      <c r="H32" s="223">
        <v>8501254063.6900005</v>
      </c>
      <c r="I32" s="224"/>
      <c r="J32" s="225"/>
      <c r="K32" s="223">
        <v>0</v>
      </c>
      <c r="L32" s="224"/>
      <c r="M32" s="224"/>
    </row>
    <row r="33" spans="1:13" ht="15" customHeight="1" x14ac:dyDescent="0.2">
      <c r="A33" s="158" t="s">
        <v>132</v>
      </c>
      <c r="B33" s="238"/>
      <c r="C33" s="239"/>
      <c r="D33" s="240"/>
      <c r="E33" s="238"/>
      <c r="F33" s="239"/>
      <c r="G33" s="240"/>
      <c r="H33" s="238"/>
      <c r="I33" s="239"/>
      <c r="J33" s="240"/>
      <c r="K33" s="238"/>
      <c r="L33" s="239"/>
      <c r="M33" s="239"/>
    </row>
    <row r="34" spans="1:13" ht="15" customHeight="1" x14ac:dyDescent="0.2">
      <c r="A34" s="24" t="s">
        <v>133</v>
      </c>
      <c r="B34" s="238">
        <v>94123805.310000002</v>
      </c>
      <c r="C34" s="239"/>
      <c r="D34" s="240"/>
      <c r="E34" s="238">
        <v>92523506.760000005</v>
      </c>
      <c r="F34" s="239"/>
      <c r="G34" s="240"/>
      <c r="H34" s="238">
        <v>94169050.359999999</v>
      </c>
      <c r="I34" s="239"/>
      <c r="J34" s="240"/>
      <c r="K34" s="238">
        <v>0</v>
      </c>
      <c r="L34" s="239"/>
      <c r="M34" s="239"/>
    </row>
    <row r="35" spans="1:13" ht="15" customHeight="1" x14ac:dyDescent="0.2">
      <c r="A35" s="17" t="s">
        <v>111</v>
      </c>
      <c r="B35" s="226"/>
      <c r="C35" s="227"/>
      <c r="D35" s="228"/>
      <c r="E35" s="226"/>
      <c r="F35" s="227"/>
      <c r="G35" s="228"/>
      <c r="H35" s="226"/>
      <c r="I35" s="227"/>
      <c r="J35" s="228"/>
      <c r="K35" s="226"/>
      <c r="L35" s="227"/>
      <c r="M35" s="227"/>
    </row>
    <row r="36" spans="1:13" ht="15" customHeight="1" x14ac:dyDescent="0.2">
      <c r="A36" s="154" t="s">
        <v>108</v>
      </c>
      <c r="B36" s="226">
        <v>94123805.310000002</v>
      </c>
      <c r="C36" s="227"/>
      <c r="D36" s="228"/>
      <c r="E36" s="226">
        <v>92523506.760000005</v>
      </c>
      <c r="F36" s="227"/>
      <c r="G36" s="228"/>
      <c r="H36" s="226">
        <v>94169050.359999999</v>
      </c>
      <c r="I36" s="227"/>
      <c r="J36" s="228"/>
      <c r="K36" s="226">
        <v>0</v>
      </c>
      <c r="L36" s="227"/>
      <c r="M36" s="227"/>
    </row>
    <row r="37" spans="1:13" ht="15" customHeight="1" x14ac:dyDescent="0.2">
      <c r="A37" s="154" t="s">
        <v>112</v>
      </c>
      <c r="B37" s="226">
        <v>18094254.52</v>
      </c>
      <c r="C37" s="227"/>
      <c r="D37" s="228"/>
      <c r="E37" s="226">
        <v>17793968.809999999</v>
      </c>
      <c r="F37" s="227"/>
      <c r="G37" s="228"/>
      <c r="H37" s="226">
        <v>17112106.879999999</v>
      </c>
      <c r="I37" s="227"/>
      <c r="J37" s="228"/>
      <c r="K37" s="226"/>
      <c r="L37" s="227"/>
      <c r="M37" s="227"/>
    </row>
    <row r="38" spans="1:13" ht="15" customHeight="1" x14ac:dyDescent="0.2">
      <c r="A38" s="154" t="s">
        <v>109</v>
      </c>
      <c r="B38" s="226">
        <v>76029550.790000007</v>
      </c>
      <c r="C38" s="227"/>
      <c r="D38" s="228"/>
      <c r="E38" s="226">
        <v>74729537.950000003</v>
      </c>
      <c r="F38" s="227"/>
      <c r="G38" s="228"/>
      <c r="H38" s="226">
        <v>77056943.480000004</v>
      </c>
      <c r="I38" s="227"/>
      <c r="J38" s="228"/>
      <c r="K38" s="226"/>
      <c r="L38" s="227"/>
      <c r="M38" s="227"/>
    </row>
    <row r="39" spans="1:13" ht="15" customHeight="1" x14ac:dyDescent="0.2">
      <c r="A39" s="154" t="s">
        <v>110</v>
      </c>
      <c r="B39" s="226"/>
      <c r="C39" s="227"/>
      <c r="D39" s="228"/>
      <c r="E39" s="226"/>
      <c r="F39" s="227"/>
      <c r="G39" s="228"/>
      <c r="H39" s="226"/>
      <c r="I39" s="227"/>
      <c r="J39" s="228"/>
      <c r="K39" s="226"/>
      <c r="L39" s="227"/>
      <c r="M39" s="227"/>
    </row>
    <row r="40" spans="1:13" ht="15" customHeight="1" x14ac:dyDescent="0.2">
      <c r="A40" s="154" t="s">
        <v>128</v>
      </c>
      <c r="B40" s="226"/>
      <c r="C40" s="227"/>
      <c r="D40" s="228"/>
      <c r="E40" s="226"/>
      <c r="F40" s="227"/>
      <c r="G40" s="228"/>
      <c r="H40" s="226"/>
      <c r="I40" s="227"/>
      <c r="J40" s="228"/>
      <c r="K40" s="226"/>
      <c r="L40" s="227"/>
      <c r="M40" s="227"/>
    </row>
    <row r="41" spans="1:13" ht="15" customHeight="1" x14ac:dyDescent="0.2">
      <c r="A41" s="35" t="s">
        <v>134</v>
      </c>
      <c r="B41" s="238">
        <v>1971489642.3500001</v>
      </c>
      <c r="C41" s="239"/>
      <c r="D41" s="240"/>
      <c r="E41" s="238">
        <v>2066616860.2</v>
      </c>
      <c r="F41" s="239"/>
      <c r="G41" s="240"/>
      <c r="H41" s="238">
        <v>2293464393.7799997</v>
      </c>
      <c r="I41" s="239"/>
      <c r="J41" s="240"/>
      <c r="K41" s="238">
        <v>0</v>
      </c>
      <c r="L41" s="239"/>
      <c r="M41" s="239"/>
    </row>
    <row r="42" spans="1:13" ht="15" customHeight="1" x14ac:dyDescent="0.2">
      <c r="A42" s="154" t="s">
        <v>129</v>
      </c>
      <c r="B42" s="226">
        <v>1088420601.1500001</v>
      </c>
      <c r="C42" s="227"/>
      <c r="D42" s="228"/>
      <c r="E42" s="226">
        <v>1077527670.95</v>
      </c>
      <c r="F42" s="227"/>
      <c r="G42" s="228"/>
      <c r="H42" s="226">
        <v>1078777098.5799999</v>
      </c>
      <c r="I42" s="227"/>
      <c r="J42" s="228"/>
      <c r="K42" s="226"/>
      <c r="L42" s="227"/>
      <c r="M42" s="227"/>
    </row>
    <row r="43" spans="1:13" ht="15" customHeight="1" x14ac:dyDescent="0.2">
      <c r="A43" s="154" t="s">
        <v>130</v>
      </c>
      <c r="B43" s="226">
        <v>883069041.20000005</v>
      </c>
      <c r="C43" s="227"/>
      <c r="D43" s="228"/>
      <c r="E43" s="226">
        <v>989089189.25</v>
      </c>
      <c r="F43" s="227"/>
      <c r="G43" s="228"/>
      <c r="H43" s="226">
        <v>1214687295.2</v>
      </c>
      <c r="I43" s="227"/>
      <c r="J43" s="228"/>
      <c r="K43" s="226"/>
      <c r="L43" s="227"/>
      <c r="M43" s="227"/>
    </row>
    <row r="44" spans="1:13" ht="15" customHeight="1" x14ac:dyDescent="0.2">
      <c r="A44" s="36" t="s">
        <v>135</v>
      </c>
      <c r="B44" s="245">
        <v>6090201231.71</v>
      </c>
      <c r="C44" s="246"/>
      <c r="D44" s="247"/>
      <c r="E44" s="245">
        <v>6052097525.8100004</v>
      </c>
      <c r="F44" s="246"/>
      <c r="G44" s="247"/>
      <c r="H44" s="245">
        <v>6113620619.5500002</v>
      </c>
      <c r="I44" s="246"/>
      <c r="J44" s="247"/>
      <c r="K44" s="245"/>
      <c r="L44" s="246"/>
      <c r="M44" s="246"/>
    </row>
    <row r="45" spans="1:13" ht="15" customHeight="1" x14ac:dyDescent="0.2">
      <c r="A45" s="154"/>
      <c r="B45" s="248"/>
      <c r="C45" s="248"/>
      <c r="D45" s="248"/>
      <c r="E45" s="37"/>
      <c r="F45" s="2"/>
      <c r="G45" s="2"/>
      <c r="H45" s="17"/>
      <c r="I45" s="17"/>
      <c r="J45" s="17"/>
    </row>
    <row r="46" spans="1:13" ht="15" customHeight="1" x14ac:dyDescent="0.2">
      <c r="A46" s="219" t="s">
        <v>113</v>
      </c>
      <c r="B46" s="217" t="s">
        <v>34</v>
      </c>
      <c r="C46" s="218"/>
      <c r="D46" s="219"/>
      <c r="E46" s="236" t="s">
        <v>202</v>
      </c>
      <c r="F46" s="205"/>
      <c r="G46" s="205"/>
      <c r="H46" s="205"/>
      <c r="I46" s="205"/>
      <c r="J46" s="205"/>
      <c r="K46" s="205"/>
      <c r="L46" s="205"/>
      <c r="M46" s="205"/>
    </row>
    <row r="47" spans="1:13" ht="15" customHeight="1" x14ac:dyDescent="0.2">
      <c r="A47" s="235"/>
      <c r="B47" s="220" t="s">
        <v>35</v>
      </c>
      <c r="C47" s="221"/>
      <c r="D47" s="222"/>
      <c r="E47" s="236" t="s">
        <v>24</v>
      </c>
      <c r="F47" s="205"/>
      <c r="G47" s="237"/>
      <c r="H47" s="236" t="s">
        <v>25</v>
      </c>
      <c r="I47" s="205"/>
      <c r="J47" s="237"/>
      <c r="K47" s="236" t="s">
        <v>26</v>
      </c>
      <c r="L47" s="205"/>
      <c r="M47" s="205"/>
    </row>
    <row r="48" spans="1:13" ht="15" customHeight="1" x14ac:dyDescent="0.2">
      <c r="A48" s="38" t="s">
        <v>114</v>
      </c>
      <c r="B48" s="249">
        <v>588394.53</v>
      </c>
      <c r="C48" s="250"/>
      <c r="D48" s="251"/>
      <c r="E48" s="249">
        <v>0</v>
      </c>
      <c r="F48" s="250"/>
      <c r="G48" s="251"/>
      <c r="H48" s="249"/>
      <c r="I48" s="250"/>
      <c r="J48" s="251"/>
      <c r="K48" s="249"/>
      <c r="L48" s="250"/>
      <c r="M48" s="250"/>
    </row>
    <row r="49" spans="1:13" ht="15" customHeight="1" x14ac:dyDescent="0.2">
      <c r="A49" s="39" t="s">
        <v>115</v>
      </c>
      <c r="B49" s="226" t="s">
        <v>219</v>
      </c>
      <c r="C49" s="227"/>
      <c r="D49" s="228"/>
      <c r="E49" s="226" t="s">
        <v>219</v>
      </c>
      <c r="F49" s="227"/>
      <c r="G49" s="228"/>
      <c r="H49" s="226" t="s">
        <v>219</v>
      </c>
      <c r="I49" s="227"/>
      <c r="J49" s="228"/>
      <c r="K49" s="226" t="s">
        <v>219</v>
      </c>
      <c r="L49" s="227"/>
      <c r="M49" s="227"/>
    </row>
    <row r="50" spans="1:13" ht="15" customHeight="1" x14ac:dyDescent="0.2">
      <c r="A50" s="39" t="s">
        <v>116</v>
      </c>
      <c r="B50" s="226"/>
      <c r="C50" s="227"/>
      <c r="D50" s="228"/>
      <c r="E50" s="226"/>
      <c r="F50" s="227"/>
      <c r="G50" s="228"/>
      <c r="H50" s="226"/>
      <c r="I50" s="227"/>
      <c r="J50" s="228"/>
      <c r="K50" s="226"/>
      <c r="L50" s="227"/>
      <c r="M50" s="227"/>
    </row>
    <row r="51" spans="1:13" ht="15" customHeight="1" x14ac:dyDescent="0.2">
      <c r="A51" s="39" t="s">
        <v>117</v>
      </c>
      <c r="B51" s="226">
        <v>113506559.32000001</v>
      </c>
      <c r="C51" s="227"/>
      <c r="D51" s="228"/>
      <c r="E51" s="252">
        <v>38283348.630000003</v>
      </c>
      <c r="F51" s="253"/>
      <c r="G51" s="254"/>
      <c r="H51" s="252">
        <v>24554156.27</v>
      </c>
      <c r="I51" s="253"/>
      <c r="J51" s="254"/>
      <c r="K51" s="226"/>
      <c r="L51" s="227"/>
      <c r="M51" s="227"/>
    </row>
    <row r="52" spans="1:13" ht="15" customHeight="1" x14ac:dyDescent="0.2">
      <c r="A52" s="40" t="s">
        <v>118</v>
      </c>
      <c r="B52" s="242"/>
      <c r="C52" s="243"/>
      <c r="D52" s="244"/>
      <c r="E52" s="242"/>
      <c r="F52" s="243"/>
      <c r="G52" s="244"/>
      <c r="H52" s="242"/>
      <c r="I52" s="243"/>
      <c r="J52" s="244"/>
      <c r="K52" s="242"/>
      <c r="L52" s="243"/>
      <c r="M52" s="243"/>
    </row>
    <row r="53" spans="1:13" ht="15" customHeight="1" x14ac:dyDescent="0.2">
      <c r="A53" s="41"/>
      <c r="B53" s="37"/>
      <c r="C53" s="37"/>
      <c r="D53" s="37"/>
      <c r="E53" s="37"/>
      <c r="F53" s="2"/>
      <c r="G53" s="2"/>
    </row>
    <row r="54" spans="1:13" ht="15" customHeight="1" x14ac:dyDescent="0.2">
      <c r="A54" s="255" t="s">
        <v>23</v>
      </c>
      <c r="B54" s="255"/>
      <c r="C54" s="255"/>
      <c r="D54" s="255"/>
      <c r="E54" s="255"/>
      <c r="F54" s="255"/>
      <c r="G54" s="255"/>
      <c r="H54" s="255"/>
      <c r="I54" s="255"/>
      <c r="J54" s="255"/>
      <c r="K54" s="255"/>
      <c r="L54" s="255"/>
      <c r="M54" s="255"/>
    </row>
    <row r="55" spans="1:13" ht="15" customHeight="1" x14ac:dyDescent="0.2">
      <c r="A55" s="241" t="s">
        <v>119</v>
      </c>
      <c r="B55" s="217" t="s">
        <v>34</v>
      </c>
      <c r="C55" s="218"/>
      <c r="D55" s="219"/>
      <c r="E55" s="236" t="s">
        <v>202</v>
      </c>
      <c r="F55" s="205"/>
      <c r="G55" s="205"/>
      <c r="H55" s="205"/>
      <c r="I55" s="205"/>
      <c r="J55" s="205"/>
      <c r="K55" s="205"/>
      <c r="L55" s="205"/>
      <c r="M55" s="205"/>
    </row>
    <row r="56" spans="1:13" ht="15" customHeight="1" x14ac:dyDescent="0.2">
      <c r="A56" s="222"/>
      <c r="B56" s="220" t="s">
        <v>35</v>
      </c>
      <c r="C56" s="221"/>
      <c r="D56" s="222"/>
      <c r="E56" s="236" t="s">
        <v>24</v>
      </c>
      <c r="F56" s="205"/>
      <c r="G56" s="237"/>
      <c r="H56" s="236" t="s">
        <v>25</v>
      </c>
      <c r="I56" s="205"/>
      <c r="J56" s="237"/>
      <c r="K56" s="236" t="s">
        <v>26</v>
      </c>
      <c r="L56" s="205"/>
      <c r="M56" s="205"/>
    </row>
    <row r="57" spans="1:13" ht="15" customHeight="1" x14ac:dyDescent="0.2">
      <c r="A57" s="24" t="s">
        <v>136</v>
      </c>
      <c r="B57" s="223">
        <v>44598835.219999999</v>
      </c>
      <c r="C57" s="224"/>
      <c r="D57" s="225"/>
      <c r="E57" s="223">
        <v>44598835.219999999</v>
      </c>
      <c r="F57" s="224"/>
      <c r="G57" s="225"/>
      <c r="H57" s="223">
        <v>44598835.219999999</v>
      </c>
      <c r="I57" s="224"/>
      <c r="J57" s="225"/>
      <c r="K57" s="223">
        <v>0</v>
      </c>
      <c r="L57" s="224"/>
      <c r="M57" s="224"/>
    </row>
    <row r="58" spans="1:13" ht="15" customHeight="1" x14ac:dyDescent="0.2">
      <c r="A58" s="17" t="s">
        <v>41</v>
      </c>
      <c r="B58" s="226">
        <v>44598835.219999999</v>
      </c>
      <c r="C58" s="227"/>
      <c r="D58" s="228"/>
      <c r="E58" s="226">
        <v>44598835.219999999</v>
      </c>
      <c r="F58" s="227"/>
      <c r="G58" s="228"/>
      <c r="H58" s="226">
        <v>44598835.219999999</v>
      </c>
      <c r="I58" s="227"/>
      <c r="J58" s="228"/>
      <c r="K58" s="226"/>
      <c r="L58" s="227"/>
      <c r="M58" s="227"/>
    </row>
    <row r="59" spans="1:13" ht="15" customHeight="1" x14ac:dyDescent="0.2">
      <c r="A59" s="17" t="s">
        <v>40</v>
      </c>
      <c r="B59" s="226"/>
      <c r="C59" s="227"/>
      <c r="D59" s="228"/>
      <c r="E59" s="226"/>
      <c r="F59" s="227"/>
      <c r="G59" s="228"/>
      <c r="H59" s="226"/>
      <c r="I59" s="227"/>
      <c r="J59" s="228"/>
      <c r="K59" s="226"/>
      <c r="L59" s="227"/>
      <c r="M59" s="227"/>
    </row>
    <row r="60" spans="1:13" ht="15" customHeight="1" x14ac:dyDescent="0.2">
      <c r="A60" s="24" t="s">
        <v>137</v>
      </c>
      <c r="B60" s="238">
        <v>32803010.439999998</v>
      </c>
      <c r="C60" s="239"/>
      <c r="D60" s="240"/>
      <c r="E60" s="238">
        <v>221551259.13</v>
      </c>
      <c r="F60" s="239"/>
      <c r="G60" s="240"/>
      <c r="H60" s="238">
        <v>149608732.34</v>
      </c>
      <c r="I60" s="239"/>
      <c r="J60" s="240"/>
      <c r="K60" s="238">
        <v>0</v>
      </c>
      <c r="L60" s="239"/>
      <c r="M60" s="239"/>
    </row>
    <row r="61" spans="1:13" ht="15" customHeight="1" x14ac:dyDescent="0.2">
      <c r="A61" s="17" t="s">
        <v>139</v>
      </c>
      <c r="B61" s="226">
        <v>564137.87</v>
      </c>
      <c r="C61" s="227"/>
      <c r="D61" s="228"/>
      <c r="E61" s="226">
        <v>177612454.53</v>
      </c>
      <c r="F61" s="227"/>
      <c r="G61" s="228"/>
      <c r="H61" s="226">
        <v>71759039.569999993</v>
      </c>
      <c r="I61" s="227"/>
      <c r="J61" s="228"/>
      <c r="K61" s="226"/>
      <c r="L61" s="227"/>
      <c r="M61" s="227"/>
    </row>
    <row r="62" spans="1:13" ht="15" customHeight="1" x14ac:dyDescent="0.2">
      <c r="A62" s="17" t="s">
        <v>42</v>
      </c>
      <c r="B62" s="226">
        <v>44034697.350000001</v>
      </c>
      <c r="C62" s="227"/>
      <c r="D62" s="228"/>
      <c r="E62" s="226">
        <v>55734629.380000003</v>
      </c>
      <c r="F62" s="227"/>
      <c r="G62" s="228"/>
      <c r="H62" s="226">
        <v>89645517.549999997</v>
      </c>
      <c r="I62" s="227"/>
      <c r="J62" s="228"/>
      <c r="K62" s="226"/>
      <c r="L62" s="227"/>
      <c r="M62" s="227"/>
    </row>
    <row r="63" spans="1:13" ht="15" customHeight="1" x14ac:dyDescent="0.2">
      <c r="A63" s="17" t="s">
        <v>105</v>
      </c>
      <c r="B63" s="226"/>
      <c r="C63" s="227"/>
      <c r="D63" s="228"/>
      <c r="E63" s="226"/>
      <c r="F63" s="227"/>
      <c r="G63" s="228"/>
      <c r="H63" s="226"/>
      <c r="I63" s="227"/>
      <c r="J63" s="228"/>
      <c r="K63" s="226"/>
      <c r="L63" s="227"/>
      <c r="M63" s="227"/>
    </row>
    <row r="64" spans="1:13" ht="15" customHeight="1" x14ac:dyDescent="0.2">
      <c r="A64" s="17" t="s">
        <v>38</v>
      </c>
      <c r="B64" s="226">
        <v>11795824.779999999</v>
      </c>
      <c r="C64" s="227"/>
      <c r="D64" s="228"/>
      <c r="E64" s="226">
        <v>11795824.779999999</v>
      </c>
      <c r="F64" s="227"/>
      <c r="G64" s="228"/>
      <c r="H64" s="226">
        <v>11795824.779999999</v>
      </c>
      <c r="I64" s="227"/>
      <c r="J64" s="228"/>
      <c r="K64" s="226"/>
      <c r="L64" s="227"/>
      <c r="M64" s="227"/>
    </row>
    <row r="65" spans="1:13" ht="15" customHeight="1" x14ac:dyDescent="0.2">
      <c r="A65" s="17" t="s">
        <v>27</v>
      </c>
      <c r="B65" s="259">
        <v>0</v>
      </c>
      <c r="C65" s="260"/>
      <c r="D65" s="263"/>
      <c r="E65" s="259">
        <v>0</v>
      </c>
      <c r="F65" s="260"/>
      <c r="G65" s="263"/>
      <c r="H65" s="259">
        <v>0</v>
      </c>
      <c r="I65" s="260"/>
      <c r="J65" s="263"/>
      <c r="K65" s="259">
        <v>0</v>
      </c>
      <c r="L65" s="260"/>
      <c r="M65" s="260"/>
    </row>
    <row r="66" spans="1:13" ht="15" customHeight="1" x14ac:dyDescent="0.2">
      <c r="A66" s="26" t="s">
        <v>138</v>
      </c>
      <c r="B66" s="261">
        <v>11795824.780000001</v>
      </c>
      <c r="C66" s="262"/>
      <c r="D66" s="267"/>
      <c r="E66" s="264">
        <v>-176952423.91</v>
      </c>
      <c r="F66" s="265"/>
      <c r="G66" s="266"/>
      <c r="H66" s="264">
        <v>-105009897.12</v>
      </c>
      <c r="I66" s="265"/>
      <c r="J66" s="266"/>
      <c r="K66" s="261">
        <v>0</v>
      </c>
      <c r="L66" s="262"/>
      <c r="M66" s="262"/>
    </row>
    <row r="67" spans="1:13" ht="15" customHeight="1" x14ac:dyDescent="0.2">
      <c r="A67" s="37" t="s">
        <v>218</v>
      </c>
      <c r="B67" s="37"/>
      <c r="C67" s="37"/>
      <c r="D67" s="37"/>
      <c r="E67" s="37"/>
      <c r="L67" s="208">
        <v>42460.493357060186</v>
      </c>
      <c r="M67" s="208"/>
    </row>
    <row r="68" spans="1:13" s="17" customFormat="1" ht="33" customHeight="1" x14ac:dyDescent="0.2">
      <c r="A68" s="213" t="s">
        <v>153</v>
      </c>
      <c r="B68" s="213"/>
      <c r="C68" s="213"/>
      <c r="D68" s="213"/>
      <c r="E68" s="213"/>
      <c r="F68" s="213"/>
      <c r="G68" s="213"/>
    </row>
    <row r="69" spans="1:13" ht="15" customHeight="1" x14ac:dyDescent="0.2">
      <c r="A69" s="55" t="s">
        <v>6</v>
      </c>
      <c r="B69" s="22"/>
      <c r="D69" s="17"/>
    </row>
    <row r="70" spans="1:13" ht="11.25" customHeight="1" x14ac:dyDescent="0.2">
      <c r="A70" s="55"/>
      <c r="B70" s="22"/>
      <c r="D70" s="17"/>
    </row>
    <row r="71" spans="1:13" ht="11.25" customHeight="1" x14ac:dyDescent="0.2">
      <c r="A71" s="55"/>
      <c r="B71" s="22"/>
      <c r="D71" s="17"/>
    </row>
    <row r="73" spans="1:13" ht="15" customHeight="1" x14ac:dyDescent="0.2">
      <c r="A73" s="205" t="s">
        <v>165</v>
      </c>
      <c r="B73" s="205"/>
      <c r="C73" s="205"/>
      <c r="D73" s="205"/>
      <c r="E73" s="205"/>
      <c r="F73" s="205"/>
      <c r="G73" s="205"/>
      <c r="H73" s="205"/>
      <c r="I73" s="205"/>
      <c r="J73" s="205"/>
      <c r="K73" s="205"/>
      <c r="L73" s="205"/>
      <c r="M73" s="205"/>
    </row>
    <row r="74" spans="1:13" ht="12" customHeight="1" x14ac:dyDescent="0.2">
      <c r="A74" s="42"/>
      <c r="B74" s="211" t="s">
        <v>166</v>
      </c>
      <c r="C74" s="211"/>
      <c r="D74" s="211"/>
      <c r="E74" s="211" t="s">
        <v>167</v>
      </c>
      <c r="F74" s="211"/>
      <c r="G74" s="211"/>
      <c r="H74" s="211" t="s">
        <v>168</v>
      </c>
      <c r="I74" s="211"/>
      <c r="J74" s="211"/>
      <c r="K74" s="211" t="s">
        <v>169</v>
      </c>
      <c r="L74" s="211"/>
      <c r="M74" s="212"/>
    </row>
    <row r="75" spans="1:13" ht="12" customHeight="1" x14ac:dyDescent="0.2">
      <c r="A75" s="43" t="s">
        <v>170</v>
      </c>
      <c r="B75" s="211" t="s">
        <v>171</v>
      </c>
      <c r="C75" s="211"/>
      <c r="D75" s="211"/>
      <c r="E75" s="211" t="s">
        <v>20</v>
      </c>
      <c r="F75" s="211"/>
      <c r="G75" s="211"/>
      <c r="H75" s="211" t="s">
        <v>20</v>
      </c>
      <c r="I75" s="211"/>
      <c r="J75" s="211"/>
      <c r="K75" s="211" t="s">
        <v>20</v>
      </c>
      <c r="L75" s="211"/>
      <c r="M75" s="212"/>
    </row>
    <row r="76" spans="1:13" ht="12" customHeight="1" x14ac:dyDescent="0.2">
      <c r="A76" s="44"/>
      <c r="B76" s="45" t="s">
        <v>172</v>
      </c>
      <c r="C76" s="46" t="s">
        <v>173</v>
      </c>
      <c r="D76" s="45" t="s">
        <v>174</v>
      </c>
      <c r="E76" s="45" t="s">
        <v>175</v>
      </c>
      <c r="F76" s="45" t="s">
        <v>176</v>
      </c>
      <c r="G76" s="45" t="s">
        <v>177</v>
      </c>
      <c r="H76" s="45" t="s">
        <v>175</v>
      </c>
      <c r="I76" s="45" t="s">
        <v>176</v>
      </c>
      <c r="J76" s="45" t="s">
        <v>177</v>
      </c>
      <c r="K76" s="45" t="s">
        <v>175</v>
      </c>
      <c r="L76" s="45" t="s">
        <v>176</v>
      </c>
      <c r="M76" s="47" t="s">
        <v>177</v>
      </c>
    </row>
    <row r="77" spans="1:13" ht="12" customHeight="1" x14ac:dyDescent="0.2">
      <c r="A77" s="48" t="s">
        <v>178</v>
      </c>
      <c r="B77" s="49">
        <v>2.9422999999999999</v>
      </c>
      <c r="C77" s="49">
        <v>0.94230000000000003</v>
      </c>
      <c r="D77" s="49">
        <v>6.2820000000000001E-2</v>
      </c>
      <c r="E77" s="49">
        <v>2.7818000000000001</v>
      </c>
      <c r="F77" s="49">
        <v>2.8618999999999999</v>
      </c>
      <c r="G77" s="49">
        <v>3.1034000000000002</v>
      </c>
      <c r="H77" s="49">
        <v>2.9291</v>
      </c>
      <c r="I77" s="49">
        <v>2.8005</v>
      </c>
      <c r="J77" s="49">
        <v>2.6663999999999999</v>
      </c>
      <c r="K77" s="49">
        <v>2.6345000000000001</v>
      </c>
      <c r="L77" s="49">
        <v>2.4272999999999998</v>
      </c>
      <c r="M77" s="50">
        <v>2.3159999999999998</v>
      </c>
    </row>
    <row r="78" spans="1:13" ht="12" customHeight="1" x14ac:dyDescent="0.2">
      <c r="A78" s="48" t="s">
        <v>179</v>
      </c>
      <c r="B78" s="209">
        <v>2.9422999999999999</v>
      </c>
      <c r="C78" s="214"/>
      <c r="D78" s="215"/>
      <c r="E78" s="209">
        <v>2.87948</v>
      </c>
      <c r="F78" s="214"/>
      <c r="G78" s="215"/>
      <c r="H78" s="209">
        <v>2.8166599999999997</v>
      </c>
      <c r="I78" s="214"/>
      <c r="J78" s="215"/>
      <c r="K78" s="209">
        <v>2.7538399999999998</v>
      </c>
      <c r="L78" s="210"/>
      <c r="M78" s="210"/>
    </row>
    <row r="79" spans="1:13" ht="12" customHeight="1" x14ac:dyDescent="0.2">
      <c r="A79" s="55"/>
      <c r="B79" s="22"/>
      <c r="C79" s="22"/>
      <c r="D79" s="22"/>
      <c r="H79" s="17"/>
      <c r="I79" s="17"/>
      <c r="J79" s="17"/>
    </row>
    <row r="80" spans="1:13" ht="12" customHeight="1" x14ac:dyDescent="0.2">
      <c r="A80" s="51"/>
      <c r="B80" s="211" t="s">
        <v>180</v>
      </c>
      <c r="C80" s="211"/>
      <c r="D80" s="211"/>
      <c r="E80" s="211" t="s">
        <v>181</v>
      </c>
      <c r="F80" s="211"/>
      <c r="G80" s="211"/>
      <c r="H80" s="211" t="s">
        <v>182</v>
      </c>
      <c r="I80" s="211"/>
      <c r="J80" s="211"/>
      <c r="K80" s="211" t="s">
        <v>183</v>
      </c>
      <c r="L80" s="211"/>
      <c r="M80" s="212"/>
    </row>
    <row r="81" spans="1:13" ht="12" customHeight="1" x14ac:dyDescent="0.2">
      <c r="A81" s="43" t="s">
        <v>170</v>
      </c>
      <c r="B81" s="211" t="s">
        <v>20</v>
      </c>
      <c r="C81" s="211"/>
      <c r="D81" s="211"/>
      <c r="E81" s="211" t="s">
        <v>20</v>
      </c>
      <c r="F81" s="211"/>
      <c r="G81" s="211"/>
      <c r="H81" s="211" t="s">
        <v>20</v>
      </c>
      <c r="I81" s="211"/>
      <c r="J81" s="211"/>
      <c r="K81" s="211" t="s">
        <v>20</v>
      </c>
      <c r="L81" s="211"/>
      <c r="M81" s="212"/>
    </row>
    <row r="82" spans="1:13" ht="12" customHeight="1" x14ac:dyDescent="0.2">
      <c r="A82" s="52"/>
      <c r="B82" s="45" t="s">
        <v>175</v>
      </c>
      <c r="C82" s="45" t="s">
        <v>176</v>
      </c>
      <c r="D82" s="45" t="s">
        <v>177</v>
      </c>
      <c r="E82" s="45" t="s">
        <v>175</v>
      </c>
      <c r="F82" s="45" t="s">
        <v>176</v>
      </c>
      <c r="G82" s="45" t="s">
        <v>177</v>
      </c>
      <c r="H82" s="45" t="s">
        <v>175</v>
      </c>
      <c r="I82" s="45" t="s">
        <v>176</v>
      </c>
      <c r="J82" s="45" t="s">
        <v>177</v>
      </c>
      <c r="K82" s="45" t="s">
        <v>175</v>
      </c>
      <c r="L82" s="45" t="s">
        <v>176</v>
      </c>
      <c r="M82" s="47" t="s">
        <v>177</v>
      </c>
    </row>
    <row r="83" spans="1:13" ht="12" customHeight="1" x14ac:dyDescent="0.2">
      <c r="A83" s="48" t="s">
        <v>178</v>
      </c>
      <c r="B83" s="49">
        <v>2.1381999999999999</v>
      </c>
      <c r="C83" s="49">
        <v>2.1616</v>
      </c>
      <c r="D83" s="49">
        <v>2.0110000000000001</v>
      </c>
      <c r="E83" s="49">
        <v>1.9481999999999999</v>
      </c>
      <c r="F83" s="49">
        <v>1.8449</v>
      </c>
      <c r="G83" s="49">
        <v>1.8111999999999999</v>
      </c>
      <c r="H83" s="49">
        <v>1.6587000000000001</v>
      </c>
      <c r="I83" s="49">
        <v>1.5306</v>
      </c>
      <c r="J83" s="49">
        <v>1.4830000000000001</v>
      </c>
      <c r="K83" s="49">
        <v>1.3345</v>
      </c>
      <c r="L83" s="49">
        <v>1.2419</v>
      </c>
      <c r="M83" s="50">
        <v>1.1527000000000001</v>
      </c>
    </row>
    <row r="84" spans="1:13" ht="12" customHeight="1" x14ac:dyDescent="0.2">
      <c r="A84" s="48" t="s">
        <v>179</v>
      </c>
      <c r="B84" s="209">
        <v>2.69102</v>
      </c>
      <c r="C84" s="214"/>
      <c r="D84" s="215"/>
      <c r="E84" s="209">
        <v>2.6282000000000001</v>
      </c>
      <c r="F84" s="214"/>
      <c r="G84" s="215"/>
      <c r="H84" s="209">
        <v>2.5653799999999998</v>
      </c>
      <c r="I84" s="214"/>
      <c r="J84" s="215"/>
      <c r="K84" s="209">
        <v>2.5025599999999999</v>
      </c>
      <c r="L84" s="210"/>
      <c r="M84" s="210"/>
    </row>
    <row r="85" spans="1:13" ht="12" customHeight="1" x14ac:dyDescent="0.2">
      <c r="A85" s="55"/>
      <c r="B85" s="22"/>
      <c r="C85" s="22"/>
      <c r="D85" s="22"/>
      <c r="H85" s="17"/>
      <c r="I85" s="17"/>
      <c r="J85" s="17"/>
    </row>
    <row r="86" spans="1:13" ht="12" customHeight="1" x14ac:dyDescent="0.2">
      <c r="A86" s="51"/>
      <c r="B86" s="211" t="s">
        <v>184</v>
      </c>
      <c r="C86" s="211"/>
      <c r="D86" s="211"/>
      <c r="E86" s="211" t="s">
        <v>185</v>
      </c>
      <c r="F86" s="211"/>
      <c r="G86" s="211"/>
      <c r="H86" s="211" t="s">
        <v>186</v>
      </c>
      <c r="I86" s="211"/>
      <c r="J86" s="211"/>
      <c r="K86" s="211" t="s">
        <v>187</v>
      </c>
      <c r="L86" s="211"/>
      <c r="M86" s="212"/>
    </row>
    <row r="87" spans="1:13" ht="12" customHeight="1" x14ac:dyDescent="0.2">
      <c r="A87" s="43" t="s">
        <v>170</v>
      </c>
      <c r="B87" s="211" t="s">
        <v>20</v>
      </c>
      <c r="C87" s="211"/>
      <c r="D87" s="211"/>
      <c r="E87" s="211" t="s">
        <v>20</v>
      </c>
      <c r="F87" s="211"/>
      <c r="G87" s="211"/>
      <c r="H87" s="211" t="s">
        <v>20</v>
      </c>
      <c r="I87" s="211"/>
      <c r="J87" s="211"/>
      <c r="K87" s="211" t="s">
        <v>20</v>
      </c>
      <c r="L87" s="211"/>
      <c r="M87" s="212"/>
    </row>
    <row r="88" spans="1:13" ht="12" customHeight="1" x14ac:dyDescent="0.2">
      <c r="A88" s="52"/>
      <c r="B88" s="45" t="s">
        <v>175</v>
      </c>
      <c r="C88" s="45" t="s">
        <v>176</v>
      </c>
      <c r="D88" s="45" t="s">
        <v>177</v>
      </c>
      <c r="E88" s="45" t="s">
        <v>175</v>
      </c>
      <c r="F88" s="45" t="s">
        <v>176</v>
      </c>
      <c r="G88" s="45" t="s">
        <v>177</v>
      </c>
      <c r="H88" s="45" t="s">
        <v>175</v>
      </c>
      <c r="I88" s="45" t="s">
        <v>176</v>
      </c>
      <c r="J88" s="45" t="s">
        <v>177</v>
      </c>
      <c r="K88" s="45" t="s">
        <v>175</v>
      </c>
      <c r="L88" s="45" t="s">
        <v>176</v>
      </c>
      <c r="M88" s="47" t="s">
        <v>177</v>
      </c>
    </row>
    <row r="89" spans="1:13" ht="12" customHeight="1" x14ac:dyDescent="0.2">
      <c r="A89" s="48" t="s">
        <v>178</v>
      </c>
      <c r="B89" s="49">
        <v>1.1055999999999999</v>
      </c>
      <c r="C89" s="49">
        <v>1.0862000000000001</v>
      </c>
      <c r="D89" s="49">
        <v>1.1424000000000001</v>
      </c>
      <c r="E89" s="49">
        <v>1.1741999999999999</v>
      </c>
      <c r="F89" s="49">
        <v>1.1815</v>
      </c>
      <c r="G89" s="49">
        <v>1.2159</v>
      </c>
      <c r="H89" s="49">
        <v>1.2005999999999999</v>
      </c>
      <c r="I89" s="49">
        <v>1.1393</v>
      </c>
      <c r="J89" s="49">
        <v>1.1314</v>
      </c>
      <c r="K89" s="49">
        <v>1.0224</v>
      </c>
      <c r="L89" s="49">
        <v>1.0485</v>
      </c>
      <c r="M89" s="50">
        <v>1.054</v>
      </c>
    </row>
    <row r="90" spans="1:13" ht="12" customHeight="1" x14ac:dyDescent="0.2">
      <c r="A90" s="48" t="s">
        <v>179</v>
      </c>
      <c r="B90" s="209">
        <v>2.43974</v>
      </c>
      <c r="C90" s="214"/>
      <c r="D90" s="215"/>
      <c r="E90" s="209">
        <v>2.3769200000000001</v>
      </c>
      <c r="F90" s="214"/>
      <c r="G90" s="215"/>
      <c r="H90" s="209">
        <v>2.3140999999999998</v>
      </c>
      <c r="I90" s="214"/>
      <c r="J90" s="215"/>
      <c r="K90" s="209">
        <v>2.2512799999999999</v>
      </c>
      <c r="L90" s="210"/>
      <c r="M90" s="210"/>
    </row>
    <row r="91" spans="1:13" ht="12" customHeight="1" x14ac:dyDescent="0.2">
      <c r="D91" s="4"/>
      <c r="H91" s="23"/>
      <c r="I91" s="23"/>
      <c r="J91" s="23"/>
      <c r="L91" s="17"/>
    </row>
    <row r="92" spans="1:13" ht="12" customHeight="1" x14ac:dyDescent="0.2">
      <c r="A92" s="51"/>
      <c r="B92" s="211" t="s">
        <v>188</v>
      </c>
      <c r="C92" s="211"/>
      <c r="D92" s="211"/>
      <c r="E92" s="211" t="s">
        <v>189</v>
      </c>
      <c r="F92" s="211"/>
      <c r="G92" s="211"/>
      <c r="H92" s="211" t="s">
        <v>190</v>
      </c>
      <c r="I92" s="211"/>
      <c r="J92" s="211"/>
      <c r="K92" s="211" t="s">
        <v>191</v>
      </c>
      <c r="L92" s="211"/>
      <c r="M92" s="212"/>
    </row>
    <row r="93" spans="1:13" ht="12" customHeight="1" x14ac:dyDescent="0.2">
      <c r="A93" s="43" t="s">
        <v>170</v>
      </c>
      <c r="B93" s="211" t="s">
        <v>20</v>
      </c>
      <c r="C93" s="211"/>
      <c r="D93" s="211"/>
      <c r="E93" s="211" t="s">
        <v>20</v>
      </c>
      <c r="F93" s="211"/>
      <c r="G93" s="211"/>
      <c r="H93" s="211" t="s">
        <v>20</v>
      </c>
      <c r="I93" s="211"/>
      <c r="J93" s="211"/>
      <c r="K93" s="211" t="s">
        <v>20</v>
      </c>
      <c r="L93" s="211"/>
      <c r="M93" s="212"/>
    </row>
    <row r="94" spans="1:13" ht="12" customHeight="1" x14ac:dyDescent="0.2">
      <c r="A94" s="52"/>
      <c r="B94" s="45" t="s">
        <v>175</v>
      </c>
      <c r="C94" s="45" t="s">
        <v>176</v>
      </c>
      <c r="D94" s="45" t="s">
        <v>177</v>
      </c>
      <c r="E94" s="45" t="s">
        <v>175</v>
      </c>
      <c r="F94" s="45" t="s">
        <v>176</v>
      </c>
      <c r="G94" s="45" t="s">
        <v>177</v>
      </c>
      <c r="H94" s="45" t="s">
        <v>175</v>
      </c>
      <c r="I94" s="45" t="s">
        <v>176</v>
      </c>
      <c r="J94" s="45" t="s">
        <v>177</v>
      </c>
      <c r="K94" s="45" t="s">
        <v>175</v>
      </c>
      <c r="L94" s="45" t="s">
        <v>176</v>
      </c>
      <c r="M94" s="47" t="s">
        <v>177</v>
      </c>
    </row>
    <row r="95" spans="1:13" ht="12" customHeight="1" x14ac:dyDescent="0.2">
      <c r="A95" s="48" t="s">
        <v>178</v>
      </c>
      <c r="B95" s="49">
        <v>0.96260000000000001</v>
      </c>
      <c r="C95" s="49">
        <v>0.93910000000000005</v>
      </c>
      <c r="D95" s="49">
        <v>1.0241</v>
      </c>
      <c r="E95" s="49">
        <v>0.93989999999999996</v>
      </c>
      <c r="F95" s="49">
        <v>0.8972</v>
      </c>
      <c r="G95" s="49">
        <v>0.98680000000000001</v>
      </c>
      <c r="H95" s="49">
        <v>0.94199999999999995</v>
      </c>
      <c r="I95" s="49">
        <v>0.96940000000000004</v>
      </c>
      <c r="J95" s="163">
        <v>0</v>
      </c>
      <c r="K95" s="49"/>
      <c r="L95" s="49"/>
      <c r="M95" s="50"/>
    </row>
    <row r="96" spans="1:13" ht="12" customHeight="1" x14ac:dyDescent="0.2">
      <c r="A96" s="48" t="s">
        <v>179</v>
      </c>
      <c r="B96" s="209">
        <v>2.1884600000000001</v>
      </c>
      <c r="C96" s="214"/>
      <c r="D96" s="215"/>
      <c r="E96" s="209">
        <v>2.1256399999999998</v>
      </c>
      <c r="F96" s="214"/>
      <c r="G96" s="215"/>
      <c r="H96" s="209">
        <v>2.0628199999999999</v>
      </c>
      <c r="I96" s="214"/>
      <c r="J96" s="215"/>
      <c r="K96" s="209">
        <v>2</v>
      </c>
      <c r="L96" s="210"/>
      <c r="M96" s="210"/>
    </row>
    <row r="97" spans="1:13" ht="15" customHeight="1" x14ac:dyDescent="0.15">
      <c r="A97" s="159" t="s">
        <v>218</v>
      </c>
      <c r="B97" s="53"/>
      <c r="C97" s="53"/>
      <c r="D97" s="53"/>
      <c r="E97" s="53"/>
      <c r="F97" s="53"/>
      <c r="G97" s="53"/>
      <c r="H97" s="53"/>
      <c r="I97" s="53"/>
      <c r="J97" s="53"/>
      <c r="K97" s="53"/>
      <c r="L97" s="54"/>
      <c r="M97" s="54"/>
    </row>
    <row r="98" spans="1:13" ht="12" customHeight="1" x14ac:dyDescent="0.2">
      <c r="A98" s="55" t="s">
        <v>192</v>
      </c>
      <c r="B98" s="56"/>
      <c r="C98" s="56"/>
      <c r="D98" s="56"/>
      <c r="E98" s="56"/>
      <c r="F98" s="56"/>
      <c r="G98" s="56"/>
      <c r="H98" s="56"/>
      <c r="I98" s="56"/>
      <c r="J98" s="56"/>
      <c r="K98" s="56"/>
      <c r="L98" s="17"/>
      <c r="M98" s="17"/>
    </row>
    <row r="99" spans="1:13" ht="12" customHeight="1" x14ac:dyDescent="0.2">
      <c r="A99" s="55" t="s">
        <v>193</v>
      </c>
      <c r="B99" s="56"/>
      <c r="C99" s="56"/>
      <c r="D99" s="56"/>
      <c r="E99" s="56"/>
      <c r="F99" s="56"/>
      <c r="G99" s="56"/>
      <c r="H99" s="56"/>
      <c r="I99" s="56"/>
      <c r="J99" s="56"/>
      <c r="K99" s="56"/>
      <c r="L99" s="17"/>
      <c r="M99" s="17"/>
    </row>
    <row r="100" spans="1:13" ht="12" customHeight="1" x14ac:dyDescent="0.2">
      <c r="A100" s="55" t="s">
        <v>6</v>
      </c>
      <c r="B100" s="56"/>
      <c r="C100" s="56"/>
      <c r="D100" s="56"/>
      <c r="E100" s="56"/>
      <c r="F100" s="56"/>
      <c r="G100" s="56"/>
      <c r="H100" s="56"/>
      <c r="I100" s="56"/>
      <c r="J100" s="56"/>
      <c r="K100" s="56"/>
      <c r="L100" s="17"/>
      <c r="M100" s="17"/>
    </row>
    <row r="101" spans="1:13" ht="12" customHeight="1" x14ac:dyDescent="0.2">
      <c r="A101" s="216" t="s">
        <v>194</v>
      </c>
      <c r="B101" s="216"/>
      <c r="C101" s="216"/>
      <c r="D101" s="216"/>
      <c r="E101" s="216"/>
      <c r="F101" s="216"/>
      <c r="G101" s="216"/>
      <c r="H101" s="216"/>
      <c r="I101" s="216"/>
      <c r="J101" s="216"/>
      <c r="K101" s="216"/>
      <c r="L101" s="216"/>
      <c r="M101" s="216"/>
    </row>
    <row r="102" spans="1:13" ht="12" customHeight="1" x14ac:dyDescent="0.2">
      <c r="A102" s="17" t="s">
        <v>195</v>
      </c>
      <c r="D102" s="4"/>
      <c r="H102" s="23"/>
      <c r="I102" s="23"/>
      <c r="J102" s="23"/>
      <c r="L102" s="17"/>
    </row>
    <row r="107" spans="1:13" s="3" customFormat="1" x14ac:dyDescent="0.2">
      <c r="A107" s="160"/>
    </row>
    <row r="108" spans="1:13" s="3" customFormat="1" x14ac:dyDescent="0.2">
      <c r="A108" s="160"/>
    </row>
    <row r="109" spans="1:13" s="3" customFormat="1" x14ac:dyDescent="0.2">
      <c r="A109" s="160"/>
    </row>
    <row r="110" spans="1:13" s="3" customFormat="1" x14ac:dyDescent="0.2">
      <c r="A110" s="160"/>
    </row>
    <row r="111" spans="1:13" s="3" customFormat="1" x14ac:dyDescent="0.2">
      <c r="A111" s="160"/>
    </row>
    <row r="112" spans="1:13" x14ac:dyDescent="0.2">
      <c r="D112" s="4"/>
    </row>
    <row r="113" spans="1:1" s="3" customFormat="1" x14ac:dyDescent="0.2">
      <c r="A113" s="160"/>
    </row>
    <row r="114" spans="1:1" s="3" customFormat="1" x14ac:dyDescent="0.2">
      <c r="A114" s="160"/>
    </row>
    <row r="115" spans="1:1" s="3" customFormat="1" x14ac:dyDescent="0.2">
      <c r="A115" s="160"/>
    </row>
    <row r="116" spans="1:1" s="3" customFormat="1" x14ac:dyDescent="0.2">
      <c r="A116" s="160"/>
    </row>
  </sheetData>
  <customSheetViews>
    <customSheetView guid="{30645A97-BC3E-4EE0-B86A-653F48DD2F61}" showPageBreaks="1" showGridLines="0" fitToPage="1" printArea="1">
      <selection activeCell="H42" sqref="H42:J42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1"/>
    </customSheetView>
    <customSheetView guid="{05BE6146-A9DF-4967-AF82-02B690EDB2A3}" showGridLines="0" fitToPage="1">
      <selection activeCell="K19" sqref="K19:M19"/>
      <rowBreaks count="1" manualBreakCount="1">
        <brk id="70" max="16383" man="1"/>
      </rowBreaks>
      <pageMargins left="0.19685039370078741" right="0.19685039370078741" top="0.39370078740157483" bottom="2.7559055118110236" header="0" footer="0"/>
      <printOptions horizontalCentered="1"/>
      <pageSetup paperSize="9" scale="61" fitToHeight="2" orientation="portrait" r:id="rId2"/>
    </customSheetView>
    <customSheetView guid="{6C121633-ED4E-47D4-9C39-9D582FC532C7}" showPageBreaks="1" showGridLines="0" fitToPage="1" printArea="1" topLeftCell="A9">
      <pane xSplit="1" ySplit="3" topLeftCell="C51" activePane="bottomRight" state="frozen"/>
      <selection pane="bottomRight" activeCell="H66" sqref="H66:J66"/>
      <rowBreaks count="1" manualBreakCount="1">
        <brk id="70" max="12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3"/>
    </customSheetView>
    <customSheetView guid="{D8FEB5D0-D989-4C2B-BD50-DB181944A81F}" showGridLines="0" fitToPage="1" printArea="1" topLeftCell="A23">
      <selection activeCell="H37" sqref="H37:J37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2" fitToHeight="2" orientation="portrait" r:id="rId4"/>
    </customSheetView>
    <customSheetView guid="{2E3109D4-AAF5-4B4A-B3D6-6363C0BC1DF5}" showPageBreaks="1" showGridLines="0" fitToPage="1" printArea="1" topLeftCell="A10">
      <selection activeCell="H23" sqref="H23:J23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5"/>
    </customSheetView>
    <customSheetView guid="{A3DDC128-A56B-4F45-A551-BA04BB179A3D}" showPageBreaks="1" showGridLines="0" fitToPage="1" printArea="1" topLeftCell="B7">
      <selection activeCell="H20" sqref="H20:J20"/>
      <rowBreaks count="1" manualBreakCount="1">
        <brk id="70" max="16383" man="1"/>
      </rowBreaks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6"/>
    </customSheetView>
  </customSheetViews>
  <mergeCells count="267">
    <mergeCell ref="A3:M3"/>
    <mergeCell ref="A4:M4"/>
    <mergeCell ref="A5:M5"/>
    <mergeCell ref="A6:M6"/>
    <mergeCell ref="A7:M7"/>
    <mergeCell ref="K61:M61"/>
    <mergeCell ref="K62:M62"/>
    <mergeCell ref="K63:M63"/>
    <mergeCell ref="K64:M64"/>
    <mergeCell ref="B60:D60"/>
    <mergeCell ref="B61:D61"/>
    <mergeCell ref="B62:D62"/>
    <mergeCell ref="E61:G61"/>
    <mergeCell ref="E62:G62"/>
    <mergeCell ref="E63:G63"/>
    <mergeCell ref="E64:G64"/>
    <mergeCell ref="K38:M38"/>
    <mergeCell ref="K39:M39"/>
    <mergeCell ref="K40:M40"/>
    <mergeCell ref="K41:M41"/>
    <mergeCell ref="K42:M42"/>
    <mergeCell ref="K43:M43"/>
    <mergeCell ref="H43:J43"/>
    <mergeCell ref="K31:M31"/>
    <mergeCell ref="B63:D63"/>
    <mergeCell ref="B64:D64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K44:M44"/>
    <mergeCell ref="E56:G56"/>
    <mergeCell ref="E57:G57"/>
    <mergeCell ref="E58:G58"/>
    <mergeCell ref="E59:G59"/>
    <mergeCell ref="E60:G60"/>
    <mergeCell ref="K59:M59"/>
    <mergeCell ref="K60:M60"/>
    <mergeCell ref="H44:J44"/>
    <mergeCell ref="K51:M51"/>
    <mergeCell ref="K52:M52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32:M32"/>
    <mergeCell ref="K33:M33"/>
    <mergeCell ref="K34:M34"/>
    <mergeCell ref="K35:M35"/>
    <mergeCell ref="K36:M36"/>
    <mergeCell ref="K37:M37"/>
    <mergeCell ref="H37:J37"/>
    <mergeCell ref="H38:J38"/>
    <mergeCell ref="H39:J39"/>
    <mergeCell ref="H21:J21"/>
    <mergeCell ref="H22:J22"/>
    <mergeCell ref="H23:J23"/>
    <mergeCell ref="H19:J19"/>
    <mergeCell ref="H20:J20"/>
    <mergeCell ref="H31:J31"/>
    <mergeCell ref="H32:J32"/>
    <mergeCell ref="H33:J33"/>
    <mergeCell ref="H34:J34"/>
    <mergeCell ref="H25:J25"/>
    <mergeCell ref="E10:M10"/>
    <mergeCell ref="H12:J12"/>
    <mergeCell ref="H13:J13"/>
    <mergeCell ref="H14:J14"/>
    <mergeCell ref="K48:M48"/>
    <mergeCell ref="K49:M49"/>
    <mergeCell ref="K50:M50"/>
    <mergeCell ref="E46:M46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B55:D55"/>
    <mergeCell ref="B48:D48"/>
    <mergeCell ref="B49:D49"/>
    <mergeCell ref="B50:D50"/>
    <mergeCell ref="B51:D51"/>
    <mergeCell ref="B52:D52"/>
    <mergeCell ref="E48:G48"/>
    <mergeCell ref="A54:M54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B45:D45"/>
    <mergeCell ref="B46:D46"/>
    <mergeCell ref="B47:D47"/>
    <mergeCell ref="B38:D38"/>
    <mergeCell ref="B39:D39"/>
    <mergeCell ref="B40:D40"/>
    <mergeCell ref="B41:D41"/>
    <mergeCell ref="B56:D56"/>
    <mergeCell ref="H47:J47"/>
    <mergeCell ref="H48:J48"/>
    <mergeCell ref="H49:J49"/>
    <mergeCell ref="H50:J50"/>
    <mergeCell ref="H51:J51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</mergeCells>
  <printOptions horizontalCentered="1"/>
  <pageMargins left="0.19685039370078741" right="0.19685039370078741" top="0.78740157480314965" bottom="0.98425196850393704" header="0" footer="0"/>
  <pageSetup paperSize="9" scale="61" fitToHeight="2" orientation="portrait" r:id="rId7"/>
  <rowBreaks count="1" manualBreakCount="1">
    <brk id="70" max="16383" man="1"/>
  </rowBreaks>
  <drawing r:id="rId8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92D050"/>
    <pageSetUpPr fitToPage="1"/>
  </sheetPr>
  <dimension ref="A1:K51"/>
  <sheetViews>
    <sheetView showGridLines="0" zoomScaleNormal="100" workbookViewId="0"/>
  </sheetViews>
  <sheetFormatPr defaultRowHeight="11.25" customHeight="1" x14ac:dyDescent="0.2"/>
  <cols>
    <col min="1" max="1" width="63.5703125" style="4" customWidth="1"/>
    <col min="2" max="2" width="21.7109375" style="4" customWidth="1"/>
    <col min="3" max="5" width="23.7109375" style="12" customWidth="1"/>
    <col min="6" max="16384" width="9.140625" style="4"/>
  </cols>
  <sheetData>
    <row r="1" spans="1:5" ht="10.5" x14ac:dyDescent="0.2">
      <c r="A1" s="8"/>
    </row>
    <row r="2" spans="1:5" ht="11.25" customHeight="1" x14ac:dyDescent="0.2">
      <c r="A2" s="8"/>
    </row>
    <row r="3" spans="1:5" ht="11.25" customHeight="1" x14ac:dyDescent="0.2">
      <c r="A3" s="268" t="s">
        <v>199</v>
      </c>
      <c r="B3" s="268"/>
      <c r="C3" s="268"/>
      <c r="D3" s="268"/>
      <c r="E3" s="268"/>
    </row>
    <row r="4" spans="1:5" ht="11.25" customHeight="1" x14ac:dyDescent="0.2">
      <c r="A4" s="268" t="s">
        <v>0</v>
      </c>
      <c r="B4" s="268"/>
      <c r="C4" s="268"/>
      <c r="D4" s="268"/>
      <c r="E4" s="268"/>
    </row>
    <row r="5" spans="1:5" ht="11.25" customHeight="1" x14ac:dyDescent="0.2">
      <c r="A5" s="268" t="s">
        <v>9</v>
      </c>
      <c r="B5" s="268"/>
      <c r="C5" s="268"/>
      <c r="D5" s="268"/>
      <c r="E5" s="268"/>
    </row>
    <row r="6" spans="1:5" ht="11.25" customHeight="1" x14ac:dyDescent="0.2">
      <c r="A6" s="268" t="s">
        <v>4</v>
      </c>
      <c r="B6" s="268"/>
      <c r="C6" s="268"/>
      <c r="D6" s="268"/>
      <c r="E6" s="268"/>
    </row>
    <row r="7" spans="1:5" ht="11.25" customHeight="1" x14ac:dyDescent="0.2">
      <c r="A7" s="268" t="s">
        <v>213</v>
      </c>
      <c r="B7" s="203"/>
      <c r="C7" s="203"/>
      <c r="D7" s="203"/>
      <c r="E7" s="203"/>
    </row>
    <row r="8" spans="1:5" ht="11.25" customHeight="1" x14ac:dyDescent="0.2">
      <c r="A8" s="22"/>
      <c r="B8" s="22"/>
      <c r="C8" s="22"/>
      <c r="D8" s="22"/>
      <c r="E8" s="22"/>
    </row>
    <row r="9" spans="1:5" ht="11.25" customHeight="1" x14ac:dyDescent="0.2">
      <c r="A9" s="104" t="s">
        <v>149</v>
      </c>
      <c r="E9" s="6">
        <v>1</v>
      </c>
    </row>
    <row r="10" spans="1:5" ht="15" customHeight="1" x14ac:dyDescent="0.2">
      <c r="A10" s="219" t="s">
        <v>53</v>
      </c>
      <c r="B10" s="126" t="s">
        <v>34</v>
      </c>
      <c r="C10" s="269" t="s">
        <v>211</v>
      </c>
      <c r="D10" s="270"/>
      <c r="E10" s="270"/>
    </row>
    <row r="11" spans="1:5" ht="15" customHeight="1" x14ac:dyDescent="0.2">
      <c r="A11" s="222"/>
      <c r="B11" s="127" t="s">
        <v>35</v>
      </c>
      <c r="C11" s="128" t="s">
        <v>24</v>
      </c>
      <c r="D11" s="128" t="s">
        <v>25</v>
      </c>
      <c r="E11" s="128" t="s">
        <v>26</v>
      </c>
    </row>
    <row r="12" spans="1:5" ht="11.25" customHeight="1" x14ac:dyDescent="0.2">
      <c r="A12" s="24" t="s">
        <v>46</v>
      </c>
      <c r="B12" s="164">
        <v>0</v>
      </c>
      <c r="C12" s="164">
        <v>0</v>
      </c>
      <c r="D12" s="164">
        <v>0</v>
      </c>
      <c r="E12" s="164">
        <v>0</v>
      </c>
    </row>
    <row r="13" spans="1:5" ht="11.25" customHeight="1" x14ac:dyDescent="0.2">
      <c r="A13" s="129" t="s">
        <v>47</v>
      </c>
      <c r="B13" s="165"/>
      <c r="C13" s="165"/>
      <c r="D13" s="165"/>
      <c r="E13" s="165"/>
    </row>
    <row r="14" spans="1:5" ht="11.25" customHeight="1" x14ac:dyDescent="0.2">
      <c r="A14" s="129" t="s">
        <v>59</v>
      </c>
      <c r="B14" s="165"/>
      <c r="C14" s="165"/>
      <c r="D14" s="165"/>
      <c r="E14" s="165"/>
    </row>
    <row r="15" spans="1:5" ht="11.25" customHeight="1" x14ac:dyDescent="0.2">
      <c r="A15" s="24" t="s">
        <v>48</v>
      </c>
      <c r="B15" s="166">
        <v>18190989.489999998</v>
      </c>
      <c r="C15" s="166">
        <v>18190989.489999998</v>
      </c>
      <c r="D15" s="166">
        <v>23929467.609999999</v>
      </c>
      <c r="E15" s="166">
        <v>0</v>
      </c>
    </row>
    <row r="16" spans="1:5" ht="11.25" customHeight="1" x14ac:dyDescent="0.2">
      <c r="A16" s="129" t="s">
        <v>47</v>
      </c>
      <c r="B16" s="165"/>
      <c r="C16" s="165"/>
      <c r="D16" s="165"/>
      <c r="E16" s="165"/>
    </row>
    <row r="17" spans="1:5" ht="11.25" customHeight="1" x14ac:dyDescent="0.2">
      <c r="A17" s="129" t="s">
        <v>59</v>
      </c>
      <c r="B17" s="165">
        <v>18190989.489999998</v>
      </c>
      <c r="C17" s="165">
        <v>18190989.489999998</v>
      </c>
      <c r="D17" s="165">
        <v>23929467.609999999</v>
      </c>
      <c r="E17" s="165"/>
    </row>
    <row r="18" spans="1:5" ht="15" customHeight="1" x14ac:dyDescent="0.2">
      <c r="A18" s="26" t="s">
        <v>60</v>
      </c>
      <c r="B18" s="167">
        <v>18190989.489999998</v>
      </c>
      <c r="C18" s="167">
        <v>18190989.489999998</v>
      </c>
      <c r="D18" s="167">
        <v>23929467.609999999</v>
      </c>
      <c r="E18" s="167">
        <v>0</v>
      </c>
    </row>
    <row r="19" spans="1:5" ht="11.25" customHeight="1" x14ac:dyDescent="0.2">
      <c r="A19" s="27" t="s">
        <v>50</v>
      </c>
      <c r="B19" s="168">
        <v>8099122726.4699993</v>
      </c>
      <c r="C19" s="168">
        <v>8126448704.0600004</v>
      </c>
      <c r="D19" s="168">
        <v>8277846556.6599998</v>
      </c>
      <c r="E19" s="168">
        <v>0</v>
      </c>
    </row>
    <row r="20" spans="1:5" ht="11.25" customHeight="1" x14ac:dyDescent="0.2">
      <c r="A20" s="130" t="s">
        <v>14</v>
      </c>
      <c r="B20" s="168">
        <v>0.22460444302871474</v>
      </c>
      <c r="C20" s="168">
        <v>0.22384918864880943</v>
      </c>
      <c r="D20" s="168">
        <v>0.28907841485352703</v>
      </c>
      <c r="E20" s="168">
        <v>0</v>
      </c>
    </row>
    <row r="21" spans="1:5" ht="11.25" customHeight="1" x14ac:dyDescent="0.2">
      <c r="A21" s="130" t="s">
        <v>207</v>
      </c>
      <c r="B21" s="169">
        <v>1781806999.8233998</v>
      </c>
      <c r="C21" s="169">
        <v>1787818714.8932002</v>
      </c>
      <c r="D21" s="169">
        <v>1821126242.4651999</v>
      </c>
      <c r="E21" s="169">
        <v>0</v>
      </c>
    </row>
    <row r="22" spans="1:5" ht="11.25" customHeight="1" x14ac:dyDescent="0.2">
      <c r="A22" s="130" t="s">
        <v>208</v>
      </c>
      <c r="B22" s="169">
        <v>1603626299.8410599</v>
      </c>
      <c r="C22" s="169">
        <v>1609036843.4038801</v>
      </c>
      <c r="D22" s="169">
        <v>1639013618.2186799</v>
      </c>
      <c r="E22" s="169">
        <v>0</v>
      </c>
    </row>
    <row r="23" spans="1:5" ht="11.25" customHeight="1" x14ac:dyDescent="0.2">
      <c r="A23" s="25"/>
    </row>
    <row r="24" spans="1:5" ht="15" customHeight="1" x14ac:dyDescent="0.2">
      <c r="A24" s="219" t="s">
        <v>61</v>
      </c>
      <c r="B24" s="126" t="s">
        <v>34</v>
      </c>
      <c r="C24" s="269" t="s">
        <v>211</v>
      </c>
      <c r="D24" s="270"/>
      <c r="E24" s="270"/>
    </row>
    <row r="25" spans="1:5" ht="15" customHeight="1" x14ac:dyDescent="0.2">
      <c r="A25" s="222"/>
      <c r="B25" s="127" t="s">
        <v>35</v>
      </c>
      <c r="C25" s="128" t="s">
        <v>24</v>
      </c>
      <c r="D25" s="128" t="s">
        <v>25</v>
      </c>
      <c r="E25" s="128" t="s">
        <v>26</v>
      </c>
    </row>
    <row r="26" spans="1:5" ht="11.25" customHeight="1" x14ac:dyDescent="0.2">
      <c r="A26" s="24" t="s">
        <v>69</v>
      </c>
      <c r="B26" s="166">
        <v>0</v>
      </c>
      <c r="C26" s="166">
        <v>0</v>
      </c>
      <c r="D26" s="166">
        <v>0</v>
      </c>
      <c r="E26" s="166">
        <v>0</v>
      </c>
    </row>
    <row r="27" spans="1:5" ht="11.25" customHeight="1" x14ac:dyDescent="0.2">
      <c r="A27" s="129" t="s">
        <v>47</v>
      </c>
      <c r="B27" s="165"/>
      <c r="C27" s="165"/>
      <c r="D27" s="165"/>
      <c r="E27" s="165"/>
    </row>
    <row r="28" spans="1:5" ht="11.25" customHeight="1" x14ac:dyDescent="0.2">
      <c r="A28" s="129" t="s">
        <v>59</v>
      </c>
      <c r="B28" s="165"/>
      <c r="C28" s="165"/>
      <c r="D28" s="165"/>
      <c r="E28" s="165"/>
    </row>
    <row r="29" spans="1:5" ht="11.25" customHeight="1" x14ac:dyDescent="0.2">
      <c r="A29" s="24" t="s">
        <v>70</v>
      </c>
      <c r="B29" s="166">
        <v>0</v>
      </c>
      <c r="C29" s="166">
        <v>0</v>
      </c>
      <c r="D29" s="166">
        <v>0</v>
      </c>
      <c r="E29" s="166">
        <v>0</v>
      </c>
    </row>
    <row r="30" spans="1:5" ht="11.25" customHeight="1" x14ac:dyDescent="0.2">
      <c r="A30" s="129" t="s">
        <v>47</v>
      </c>
      <c r="B30" s="165"/>
      <c r="C30" s="165"/>
      <c r="D30" s="165"/>
      <c r="E30" s="165"/>
    </row>
    <row r="31" spans="1:5" ht="11.25" customHeight="1" x14ac:dyDescent="0.2">
      <c r="A31" s="129" t="s">
        <v>59</v>
      </c>
      <c r="B31" s="165"/>
      <c r="C31" s="165"/>
      <c r="D31" s="165"/>
      <c r="E31" s="165"/>
    </row>
    <row r="32" spans="1:5" ht="11.25" customHeight="1" x14ac:dyDescent="0.2">
      <c r="A32" s="26" t="s">
        <v>62</v>
      </c>
      <c r="B32" s="167">
        <v>0</v>
      </c>
      <c r="C32" s="167">
        <v>0</v>
      </c>
      <c r="D32" s="167">
        <v>0</v>
      </c>
      <c r="E32" s="167">
        <v>0</v>
      </c>
    </row>
    <row r="33" spans="1:11" ht="11.25" customHeight="1" x14ac:dyDescent="0.2">
      <c r="A33" s="27" t="s">
        <v>120</v>
      </c>
      <c r="B33" s="131"/>
      <c r="C33" s="132"/>
      <c r="D33" s="132"/>
      <c r="E33" s="132"/>
    </row>
    <row r="34" spans="1:11" ht="11.25" customHeight="1" x14ac:dyDescent="0.2">
      <c r="A34" s="37" t="s">
        <v>218</v>
      </c>
      <c r="B34" s="37"/>
      <c r="C34" s="37"/>
      <c r="D34" s="37"/>
      <c r="E34" s="89">
        <v>42460.493655324077</v>
      </c>
    </row>
    <row r="35" spans="1:11" s="17" customFormat="1" ht="11.25" customHeight="1" x14ac:dyDescent="0.2">
      <c r="A35" s="55" t="s">
        <v>158</v>
      </c>
      <c r="C35" s="102"/>
      <c r="D35" s="102"/>
      <c r="E35" s="102"/>
    </row>
    <row r="36" spans="1:11" ht="11.25" customHeight="1" x14ac:dyDescent="0.2">
      <c r="A36" s="4" t="s">
        <v>6</v>
      </c>
    </row>
    <row r="45" spans="1:11" ht="11.25" customHeight="1" x14ac:dyDescent="0.2">
      <c r="A45" s="3"/>
      <c r="B45" s="3"/>
      <c r="C45" s="3"/>
      <c r="D45" s="3"/>
      <c r="E45" s="3"/>
      <c r="G45" s="3"/>
    </row>
    <row r="46" spans="1:11" ht="11.25" customHeight="1" x14ac:dyDescent="0.2">
      <c r="A46" s="3"/>
      <c r="B46" s="3"/>
      <c r="C46" s="3"/>
      <c r="D46" s="3"/>
      <c r="E46" s="3"/>
      <c r="G46" s="3"/>
    </row>
    <row r="47" spans="1:11" ht="12.75" customHeight="1" x14ac:dyDescent="0.2">
      <c r="C47" s="4"/>
      <c r="D47" s="4"/>
      <c r="E47" s="4"/>
      <c r="H47" s="13"/>
      <c r="I47" s="13"/>
      <c r="J47" s="8"/>
      <c r="K47" s="8"/>
    </row>
    <row r="48" spans="1:11" ht="12.75" customHeight="1" x14ac:dyDescent="0.2">
      <c r="A48" s="3"/>
      <c r="B48" s="3"/>
      <c r="C48" s="3"/>
      <c r="D48" s="3"/>
      <c r="E48" s="3"/>
      <c r="G48" s="3"/>
      <c r="H48" s="14"/>
      <c r="I48" s="14"/>
      <c r="J48" s="3"/>
      <c r="K48" s="3"/>
    </row>
    <row r="49" spans="1:11" ht="12.75" customHeight="1" x14ac:dyDescent="0.2">
      <c r="A49" s="3"/>
      <c r="B49" s="3"/>
      <c r="C49" s="3"/>
      <c r="D49" s="3"/>
      <c r="E49" s="3"/>
      <c r="G49" s="3"/>
      <c r="H49" s="14"/>
      <c r="I49" s="14"/>
      <c r="J49" s="15"/>
      <c r="K49" s="15"/>
    </row>
    <row r="50" spans="1:11" ht="15" customHeight="1" x14ac:dyDescent="0.2">
      <c r="A50" s="3"/>
      <c r="B50" s="3"/>
      <c r="C50" s="3"/>
      <c r="D50" s="3"/>
      <c r="E50" s="3"/>
      <c r="G50" s="3"/>
      <c r="H50" s="16"/>
      <c r="I50" s="16"/>
    </row>
    <row r="51" spans="1:11" ht="15" customHeight="1" x14ac:dyDescent="0.2">
      <c r="A51" s="3"/>
      <c r="B51" s="3"/>
      <c r="C51" s="3"/>
      <c r="D51" s="3"/>
      <c r="E51" s="3"/>
      <c r="G51" s="3"/>
      <c r="H51" s="16"/>
      <c r="I51" s="16"/>
    </row>
  </sheetData>
  <customSheetViews>
    <customSheetView guid="{30645A97-BC3E-4EE0-B86A-653F48DD2F61}" showPageBreaks="1" showGridLines="0" fitToPage="1" printArea="1" topLeftCell="A7">
      <selection activeCell="G21" sqref="G21"/>
      <pageMargins left="0.19685039370078741" right="0.19685039370078741" top="0.39370078740157483" bottom="0.19685039370078741" header="0" footer="0"/>
      <printOptions horizontalCentered="1"/>
      <pageSetup paperSize="9" scale="64" orientation="portrait" r:id="rId1"/>
      <headerFooter alignWithMargins="0"/>
    </customSheetView>
    <customSheetView guid="{05BE6146-A9DF-4967-AF82-02B690EDB2A3}" showGridLines="0" fitToPage="1">
      <selection activeCell="K19" sqref="K19:M19"/>
      <pageMargins left="0.19685039370078741" right="0.19685039370078741" top="0.39370078740157483" bottom="0.19685039370078741" header="0" footer="0"/>
      <printOptions horizontalCentered="1"/>
      <pageSetup paperSize="9" scale="67" orientation="portrait" r:id="rId2"/>
      <headerFooter alignWithMargins="0"/>
    </customSheetView>
    <customSheetView guid="{6C121633-ED4E-47D4-9C39-9D582FC532C7}" showPageBreaks="1" showGridLines="0" fitToPage="1" printArea="1">
      <selection activeCell="A7" sqref="A7:E7"/>
      <pageMargins left="0.19685039370078741" right="0.19685039370078741" top="0.59055118110236227" bottom="0.39370078740157483" header="0" footer="0"/>
      <printOptions horizontalCentered="1"/>
      <pageSetup paperSize="9" scale="68" orientation="portrait" r:id="rId3"/>
      <headerFooter alignWithMargins="0"/>
    </customSheetView>
    <customSheetView guid="{D8FEB5D0-D989-4C2B-BD50-DB181944A81F}" showGridLines="0" fitToPage="1">
      <selection activeCell="I25" sqref="I25"/>
      <pageMargins left="0.19685039370078741" right="0.19685039370078741" top="0.59055118110236227" bottom="0.39370078740157483" header="0" footer="0"/>
      <printOptions horizontalCentered="1"/>
      <pageSetup paperSize="9" scale="67" orientation="portrait" r:id="rId4"/>
      <headerFooter alignWithMargins="0"/>
    </customSheetView>
    <customSheetView guid="{2E3109D4-AAF5-4B4A-B3D6-6363C0BC1DF5}" showPageBreaks="1" showGridLines="0" fitToPage="1" printArea="1">
      <selection activeCell="D20" sqref="D20"/>
      <pageMargins left="0.19685039370078741" right="0.19685039370078741" top="0.59055118110236227" bottom="0.39370078740157483" header="0" footer="0"/>
      <printOptions horizontalCentered="1"/>
      <pageSetup paperSize="9" scale="67" orientation="portrait" r:id="rId5"/>
      <headerFooter alignWithMargins="0"/>
    </customSheetView>
    <customSheetView guid="{A3DDC128-A56B-4F45-A551-BA04BB179A3D}" showPageBreaks="1" showGridLines="0" fitToPage="1" printArea="1">
      <selection activeCell="D17" sqref="D17"/>
      <pageMargins left="0.19685039370078741" right="0.19685039370078741" top="0.59055118110236227" bottom="0.39370078740157483" header="0" footer="0"/>
      <printOptions horizontalCentered="1"/>
      <pageSetup paperSize="9" scale="64" orientation="portrait" r:id="rId6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59055118110236227" bottom="0.39370078740157483" header="0" footer="0"/>
  <pageSetup paperSize="9" scale="64" orientation="portrait" r:id="rId7"/>
  <headerFooter alignWithMargins="0"/>
  <drawing r:id="rId8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D77"/>
  <sheetViews>
    <sheetView showGridLines="0" zoomScaleNormal="100" workbookViewId="0"/>
  </sheetViews>
  <sheetFormatPr defaultRowHeight="11.25" customHeight="1" x14ac:dyDescent="0.2"/>
  <cols>
    <col min="1" max="1" width="78.5703125" style="17" customWidth="1"/>
    <col min="2" max="2" width="25.7109375" style="4" customWidth="1"/>
    <col min="3" max="3" width="25" style="4" customWidth="1"/>
    <col min="4" max="4" width="21" style="4" customWidth="1"/>
    <col min="5" max="16384" width="9.140625" style="4"/>
  </cols>
  <sheetData>
    <row r="1" spans="1:4" ht="10.5" x14ac:dyDescent="0.2">
      <c r="A1" s="24"/>
    </row>
    <row r="2" spans="1:4" ht="11.25" customHeight="1" x14ac:dyDescent="0.2">
      <c r="A2" s="24"/>
    </row>
    <row r="3" spans="1:4" ht="11.25" customHeight="1" x14ac:dyDescent="0.2">
      <c r="A3" s="268" t="s">
        <v>199</v>
      </c>
      <c r="B3" s="268"/>
      <c r="C3" s="268"/>
      <c r="D3" s="268"/>
    </row>
    <row r="4" spans="1:4" ht="11.25" customHeight="1" x14ac:dyDescent="0.2">
      <c r="A4" s="268" t="s">
        <v>0</v>
      </c>
      <c r="B4" s="268"/>
      <c r="C4" s="268"/>
      <c r="D4" s="268"/>
    </row>
    <row r="5" spans="1:4" ht="11.25" customHeight="1" x14ac:dyDescent="0.2">
      <c r="A5" s="268" t="s">
        <v>11</v>
      </c>
      <c r="B5" s="268"/>
      <c r="C5" s="268"/>
      <c r="D5" s="268"/>
    </row>
    <row r="6" spans="1:4" ht="11.25" customHeight="1" x14ac:dyDescent="0.2">
      <c r="A6" s="268" t="s">
        <v>4</v>
      </c>
      <c r="B6" s="268"/>
      <c r="C6" s="268"/>
      <c r="D6" s="268"/>
    </row>
    <row r="7" spans="1:4" ht="11.25" customHeight="1" x14ac:dyDescent="0.2">
      <c r="A7" s="268" t="s">
        <v>213</v>
      </c>
      <c r="B7" s="268"/>
      <c r="C7" s="268"/>
      <c r="D7" s="268"/>
    </row>
    <row r="8" spans="1:4" ht="11.25" customHeight="1" x14ac:dyDescent="0.2">
      <c r="A8" s="161"/>
      <c r="B8" s="103"/>
      <c r="C8" s="103"/>
    </row>
    <row r="9" spans="1:4" ht="11.25" customHeight="1" x14ac:dyDescent="0.2">
      <c r="A9" s="162" t="s">
        <v>150</v>
      </c>
      <c r="B9" s="105"/>
      <c r="D9" s="6">
        <v>1</v>
      </c>
    </row>
    <row r="10" spans="1:4" ht="15" customHeight="1" x14ac:dyDescent="0.2">
      <c r="A10" s="281" t="s">
        <v>2</v>
      </c>
      <c r="B10" s="241"/>
      <c r="C10" s="277" t="s">
        <v>127</v>
      </c>
      <c r="D10" s="255"/>
    </row>
    <row r="11" spans="1:4" ht="15" customHeight="1" x14ac:dyDescent="0.2">
      <c r="A11" s="282"/>
      <c r="B11" s="283"/>
      <c r="C11" s="20" t="s">
        <v>72</v>
      </c>
      <c r="D11" s="19" t="s">
        <v>74</v>
      </c>
    </row>
    <row r="12" spans="1:4" ht="15" customHeight="1" x14ac:dyDescent="0.2">
      <c r="A12" s="282"/>
      <c r="B12" s="283"/>
      <c r="C12" s="20" t="s">
        <v>20</v>
      </c>
      <c r="D12" s="20" t="s">
        <v>75</v>
      </c>
    </row>
    <row r="13" spans="1:4" ht="15" customHeight="1" x14ac:dyDescent="0.2">
      <c r="A13" s="282"/>
      <c r="B13" s="283"/>
      <c r="C13" s="20" t="s">
        <v>73</v>
      </c>
      <c r="D13" s="20" t="s">
        <v>73</v>
      </c>
    </row>
    <row r="14" spans="1:4" ht="15" customHeight="1" x14ac:dyDescent="0.2">
      <c r="A14" s="284"/>
      <c r="B14" s="285"/>
      <c r="C14" s="106"/>
      <c r="D14" s="107" t="s">
        <v>63</v>
      </c>
    </row>
    <row r="15" spans="1:4" ht="11.25" customHeight="1" x14ac:dyDescent="0.2">
      <c r="A15" s="157" t="s">
        <v>76</v>
      </c>
      <c r="B15" s="108"/>
      <c r="C15" s="185">
        <v>6169244.4500000002</v>
      </c>
      <c r="D15" s="185">
        <v>6169244.4500000002</v>
      </c>
    </row>
    <row r="16" spans="1:4" ht="11.25" customHeight="1" x14ac:dyDescent="0.2">
      <c r="A16" s="156" t="s">
        <v>77</v>
      </c>
      <c r="B16" s="101"/>
      <c r="C16" s="109">
        <v>0</v>
      </c>
      <c r="D16" s="109">
        <v>0</v>
      </c>
    </row>
    <row r="17" spans="1:4" ht="11.25" customHeight="1" x14ac:dyDescent="0.2">
      <c r="A17" s="156" t="s">
        <v>78</v>
      </c>
      <c r="B17" s="101"/>
      <c r="C17" s="109"/>
      <c r="D17" s="109"/>
    </row>
    <row r="18" spans="1:4" ht="11.25" customHeight="1" x14ac:dyDescent="0.2">
      <c r="A18" s="156" t="s">
        <v>79</v>
      </c>
      <c r="B18" s="101"/>
      <c r="C18" s="109"/>
      <c r="D18" s="109"/>
    </row>
    <row r="19" spans="1:4" ht="11.25" customHeight="1" x14ac:dyDescent="0.2">
      <c r="A19" s="156" t="s">
        <v>80</v>
      </c>
      <c r="B19" s="101"/>
      <c r="C19" s="109">
        <v>6169244.4500000002</v>
      </c>
      <c r="D19" s="109">
        <v>6169244.4500000002</v>
      </c>
    </row>
    <row r="20" spans="1:4" ht="11.25" customHeight="1" x14ac:dyDescent="0.2">
      <c r="A20" s="156" t="s">
        <v>78</v>
      </c>
      <c r="B20" s="101"/>
      <c r="C20" s="109">
        <v>0</v>
      </c>
      <c r="D20" s="109">
        <v>0</v>
      </c>
    </row>
    <row r="21" spans="1:4" ht="11.25" customHeight="1" x14ac:dyDescent="0.2">
      <c r="A21" s="156" t="s">
        <v>81</v>
      </c>
      <c r="B21" s="101"/>
      <c r="C21" s="109"/>
      <c r="D21" s="109"/>
    </row>
    <row r="22" spans="1:4" ht="11.25" customHeight="1" x14ac:dyDescent="0.2">
      <c r="A22" s="156" t="s">
        <v>82</v>
      </c>
      <c r="B22" s="101"/>
      <c r="C22" s="109">
        <v>0</v>
      </c>
      <c r="D22" s="109">
        <v>0</v>
      </c>
    </row>
    <row r="23" spans="1:4" ht="11.25" customHeight="1" x14ac:dyDescent="0.2">
      <c r="A23" s="156" t="s">
        <v>83</v>
      </c>
      <c r="B23" s="101"/>
      <c r="C23" s="109"/>
      <c r="D23" s="109"/>
    </row>
    <row r="24" spans="1:4" ht="11.25" customHeight="1" x14ac:dyDescent="0.2">
      <c r="A24" s="156" t="s">
        <v>84</v>
      </c>
      <c r="B24" s="101"/>
      <c r="C24" s="109"/>
      <c r="D24" s="109"/>
    </row>
    <row r="25" spans="1:4" ht="11.25" customHeight="1" x14ac:dyDescent="0.2">
      <c r="A25" s="156" t="s">
        <v>85</v>
      </c>
      <c r="B25" s="101"/>
      <c r="C25" s="109">
        <v>0</v>
      </c>
      <c r="D25" s="109">
        <v>0</v>
      </c>
    </row>
    <row r="26" spans="1:4" ht="11.25" customHeight="1" x14ac:dyDescent="0.2">
      <c r="A26" s="156" t="s">
        <v>86</v>
      </c>
      <c r="B26" s="101"/>
      <c r="C26" s="109"/>
      <c r="D26" s="110"/>
    </row>
    <row r="27" spans="1:4" ht="11.25" customHeight="1" x14ac:dyDescent="0.2">
      <c r="A27" s="156" t="s">
        <v>87</v>
      </c>
      <c r="B27" s="101"/>
      <c r="C27" s="109"/>
      <c r="D27" s="110"/>
    </row>
    <row r="28" spans="1:4" ht="11.25" customHeight="1" x14ac:dyDescent="0.2">
      <c r="A28" s="156" t="s">
        <v>88</v>
      </c>
      <c r="B28" s="101"/>
      <c r="C28" s="109"/>
      <c r="D28" s="110"/>
    </row>
    <row r="29" spans="1:4" ht="11.25" customHeight="1" x14ac:dyDescent="0.2">
      <c r="A29" s="156" t="s">
        <v>89</v>
      </c>
      <c r="B29" s="101"/>
      <c r="C29" s="109"/>
      <c r="D29" s="110"/>
    </row>
    <row r="30" spans="1:4" ht="11.25" customHeight="1" x14ac:dyDescent="0.2">
      <c r="A30" s="156" t="s">
        <v>79</v>
      </c>
      <c r="B30" s="101"/>
      <c r="C30" s="109">
        <v>6169244.4500000002</v>
      </c>
      <c r="D30" s="110">
        <v>6169244.4500000002</v>
      </c>
    </row>
    <row r="31" spans="1:4" ht="11.25" customHeight="1" x14ac:dyDescent="0.2">
      <c r="A31" s="111" t="s">
        <v>214</v>
      </c>
      <c r="B31" s="112"/>
      <c r="C31" s="113">
        <v>6169244.4500000002</v>
      </c>
      <c r="D31" s="114">
        <v>6169244.4500000002</v>
      </c>
    </row>
    <row r="32" spans="1:4" ht="11.25" customHeight="1" x14ac:dyDescent="0.2">
      <c r="A32" s="157" t="s">
        <v>90</v>
      </c>
      <c r="B32" s="108"/>
      <c r="C32" s="186">
        <v>12804327.200000001</v>
      </c>
      <c r="D32" s="185">
        <v>12804327.200000001</v>
      </c>
    </row>
    <row r="33" spans="1:4" ht="11.25" customHeight="1" x14ac:dyDescent="0.2">
      <c r="A33" s="156" t="s">
        <v>33</v>
      </c>
      <c r="B33" s="101"/>
      <c r="C33" s="115">
        <v>0</v>
      </c>
      <c r="D33" s="109">
        <v>0</v>
      </c>
    </row>
    <row r="34" spans="1:4" ht="11.25" customHeight="1" x14ac:dyDescent="0.2">
      <c r="A34" s="156" t="s">
        <v>91</v>
      </c>
      <c r="B34" s="101"/>
      <c r="C34" s="115"/>
      <c r="D34" s="109"/>
    </row>
    <row r="35" spans="1:4" ht="11.25" customHeight="1" x14ac:dyDescent="0.2">
      <c r="A35" s="156" t="s">
        <v>30</v>
      </c>
      <c r="B35" s="101"/>
      <c r="C35" s="115">
        <v>0</v>
      </c>
      <c r="D35" s="109">
        <v>0</v>
      </c>
    </row>
    <row r="36" spans="1:4" ht="11.25" customHeight="1" x14ac:dyDescent="0.2">
      <c r="A36" s="156" t="s">
        <v>92</v>
      </c>
      <c r="B36" s="101"/>
      <c r="C36" s="115"/>
      <c r="D36" s="109"/>
    </row>
    <row r="37" spans="1:4" ht="11.25" customHeight="1" x14ac:dyDescent="0.2">
      <c r="A37" s="156" t="s">
        <v>21</v>
      </c>
      <c r="B37" s="101"/>
      <c r="C37" s="115"/>
      <c r="D37" s="109"/>
    </row>
    <row r="38" spans="1:4" ht="11.25" customHeight="1" x14ac:dyDescent="0.2">
      <c r="A38" s="156" t="s">
        <v>31</v>
      </c>
      <c r="B38" s="101"/>
      <c r="C38" s="115"/>
      <c r="D38" s="109"/>
    </row>
    <row r="39" spans="1:4" ht="11.25" customHeight="1" x14ac:dyDescent="0.2">
      <c r="A39" s="273" t="s">
        <v>215</v>
      </c>
      <c r="B39" s="286"/>
      <c r="C39" s="115">
        <v>2803010.65</v>
      </c>
      <c r="D39" s="109">
        <v>2803010.65</v>
      </c>
    </row>
    <row r="40" spans="1:4" ht="11.25" customHeight="1" x14ac:dyDescent="0.2">
      <c r="A40" s="156" t="s">
        <v>93</v>
      </c>
      <c r="B40" s="101"/>
      <c r="C40" s="115">
        <v>0</v>
      </c>
      <c r="D40" s="109">
        <v>0</v>
      </c>
    </row>
    <row r="41" spans="1:4" ht="11.25" customHeight="1" x14ac:dyDescent="0.2">
      <c r="A41" s="287" t="s">
        <v>216</v>
      </c>
      <c r="B41" s="288"/>
      <c r="C41" s="116">
        <v>10001316.550000001</v>
      </c>
      <c r="D41" s="113">
        <v>10001316.550000001</v>
      </c>
    </row>
    <row r="42" spans="1:4" ht="11.25" customHeight="1" x14ac:dyDescent="0.2">
      <c r="A42" s="273"/>
      <c r="B42" s="273"/>
      <c r="C42" s="273"/>
    </row>
    <row r="43" spans="1:4" ht="15" customHeight="1" x14ac:dyDescent="0.2">
      <c r="A43" s="281" t="s">
        <v>94</v>
      </c>
      <c r="B43" s="241"/>
      <c r="C43" s="279" t="s">
        <v>3</v>
      </c>
      <c r="D43" s="19" t="s">
        <v>95</v>
      </c>
    </row>
    <row r="44" spans="1:4" ht="15" customHeight="1" x14ac:dyDescent="0.2">
      <c r="A44" s="284"/>
      <c r="B44" s="285"/>
      <c r="C44" s="280"/>
      <c r="D44" s="107" t="s">
        <v>96</v>
      </c>
    </row>
    <row r="45" spans="1:4" ht="11.25" customHeight="1" x14ac:dyDescent="0.2">
      <c r="A45" s="278" t="s">
        <v>97</v>
      </c>
      <c r="B45" s="278"/>
      <c r="C45" s="117">
        <v>8277846556.6599998</v>
      </c>
      <c r="D45" s="10">
        <v>100</v>
      </c>
    </row>
    <row r="46" spans="1:4" ht="11.25" customHeight="1" x14ac:dyDescent="0.2">
      <c r="A46" s="278" t="s">
        <v>160</v>
      </c>
      <c r="B46" s="278"/>
      <c r="C46" s="117">
        <v>0</v>
      </c>
      <c r="D46" s="118">
        <v>0</v>
      </c>
    </row>
    <row r="47" spans="1:4" ht="11.25" customHeight="1" x14ac:dyDescent="0.2">
      <c r="A47" s="155" t="s">
        <v>154</v>
      </c>
      <c r="B47" s="119"/>
      <c r="C47" s="117"/>
      <c r="D47" s="118">
        <v>0</v>
      </c>
    </row>
    <row r="48" spans="1:4" ht="11.25" customHeight="1" x14ac:dyDescent="0.2">
      <c r="A48" s="155" t="s">
        <v>155</v>
      </c>
      <c r="B48" s="119"/>
      <c r="C48" s="117"/>
      <c r="D48" s="118">
        <v>0</v>
      </c>
    </row>
    <row r="49" spans="1:4" ht="11.25" customHeight="1" x14ac:dyDescent="0.2">
      <c r="A49" s="278" t="s">
        <v>121</v>
      </c>
      <c r="B49" s="278"/>
      <c r="C49" s="117">
        <v>6169244.4500000002</v>
      </c>
      <c r="D49" s="118">
        <v>7.4527166066354428E-2</v>
      </c>
    </row>
    <row r="50" spans="1:4" ht="24.95" customHeight="1" x14ac:dyDescent="0.2">
      <c r="A50" s="278" t="s">
        <v>98</v>
      </c>
      <c r="B50" s="278"/>
      <c r="C50" s="117">
        <v>1324455449.0655999</v>
      </c>
      <c r="D50" s="120">
        <v>16</v>
      </c>
    </row>
    <row r="51" spans="1:4" ht="11.25" customHeight="1" x14ac:dyDescent="0.2">
      <c r="A51" s="121" t="s">
        <v>208</v>
      </c>
      <c r="B51" s="119"/>
      <c r="C51" s="11">
        <v>1192009904.15904</v>
      </c>
      <c r="D51" s="120">
        <v>14.4</v>
      </c>
    </row>
    <row r="52" spans="1:4" ht="11.25" customHeight="1" x14ac:dyDescent="0.2">
      <c r="A52" s="278" t="s">
        <v>99</v>
      </c>
      <c r="B52" s="278"/>
      <c r="C52" s="117">
        <v>0</v>
      </c>
      <c r="D52" s="118">
        <v>0</v>
      </c>
    </row>
    <row r="53" spans="1:4" ht="24.95" customHeight="1" x14ac:dyDescent="0.2">
      <c r="A53" s="274" t="s">
        <v>100</v>
      </c>
      <c r="B53" s="274"/>
      <c r="C53" s="117">
        <v>579449258.96619999</v>
      </c>
      <c r="D53" s="118">
        <v>7</v>
      </c>
    </row>
    <row r="54" spans="1:4" ht="11.25" customHeight="1" x14ac:dyDescent="0.2">
      <c r="A54" s="122"/>
      <c r="B54" s="122"/>
      <c r="C54" s="123"/>
      <c r="D54" s="124"/>
    </row>
    <row r="55" spans="1:4" ht="15" customHeight="1" x14ac:dyDescent="0.2">
      <c r="A55" s="275" t="s">
        <v>122</v>
      </c>
      <c r="B55" s="276"/>
      <c r="C55" s="141">
        <v>18973571.650000002</v>
      </c>
      <c r="D55" s="142">
        <v>0.22920902821923755</v>
      </c>
    </row>
    <row r="56" spans="1:4" ht="11.25" customHeight="1" x14ac:dyDescent="0.2">
      <c r="A56" s="273" t="s">
        <v>218</v>
      </c>
      <c r="B56" s="273"/>
      <c r="C56" s="273"/>
      <c r="D56" s="89">
        <v>42460.494002314816</v>
      </c>
    </row>
    <row r="57" spans="1:4" ht="24.75" customHeight="1" x14ac:dyDescent="0.2">
      <c r="A57" s="271" t="s">
        <v>152</v>
      </c>
      <c r="B57" s="272"/>
      <c r="C57" s="272"/>
    </row>
    <row r="58" spans="1:4" ht="11.25" customHeight="1" x14ac:dyDescent="0.2">
      <c r="A58" s="271" t="s">
        <v>151</v>
      </c>
      <c r="B58" s="272"/>
      <c r="C58" s="272"/>
    </row>
    <row r="59" spans="1:4" ht="11.25" customHeight="1" x14ac:dyDescent="0.2">
      <c r="A59" s="271" t="s">
        <v>101</v>
      </c>
      <c r="B59" s="271"/>
      <c r="C59" s="271"/>
      <c r="D59" s="17"/>
    </row>
    <row r="60" spans="1:4" ht="11.25" customHeight="1" x14ac:dyDescent="0.2">
      <c r="B60" s="17"/>
      <c r="C60" s="17"/>
      <c r="D60" s="17"/>
    </row>
    <row r="64" spans="1:4" ht="11.25" customHeight="1" x14ac:dyDescent="0.2">
      <c r="A64" s="156"/>
      <c r="B64" s="125"/>
      <c r="C64" s="125"/>
    </row>
    <row r="65" spans="1:4" s="3" customFormat="1" ht="10.5" x14ac:dyDescent="0.2">
      <c r="A65" s="160"/>
    </row>
    <row r="66" spans="1:4" s="3" customFormat="1" ht="10.5" x14ac:dyDescent="0.2">
      <c r="A66" s="160"/>
    </row>
    <row r="67" spans="1:4" s="3" customFormat="1" ht="10.5" x14ac:dyDescent="0.2">
      <c r="A67" s="160"/>
    </row>
    <row r="68" spans="1:4" s="3" customFormat="1" ht="10.5" x14ac:dyDescent="0.2">
      <c r="A68" s="160"/>
    </row>
    <row r="69" spans="1:4" s="3" customFormat="1" ht="10.5" x14ac:dyDescent="0.2">
      <c r="A69" s="160"/>
    </row>
    <row r="70" spans="1:4" ht="10.5" x14ac:dyDescent="0.2"/>
    <row r="71" spans="1:4" s="3" customFormat="1" ht="10.5" x14ac:dyDescent="0.2">
      <c r="A71" s="160"/>
    </row>
    <row r="72" spans="1:4" s="3" customFormat="1" ht="10.5" x14ac:dyDescent="0.2">
      <c r="A72" s="160"/>
    </row>
    <row r="73" spans="1:4" s="3" customFormat="1" ht="10.5" x14ac:dyDescent="0.2">
      <c r="A73" s="160"/>
    </row>
    <row r="74" spans="1:4" s="3" customFormat="1" ht="10.5" x14ac:dyDescent="0.2">
      <c r="A74" s="160"/>
    </row>
    <row r="75" spans="1:4" s="3" customFormat="1" ht="10.5" x14ac:dyDescent="0.2">
      <c r="A75" s="17"/>
      <c r="B75" s="17"/>
      <c r="C75" s="17"/>
      <c r="D75" s="17"/>
    </row>
    <row r="76" spans="1:4" s="3" customFormat="1" ht="10.5" x14ac:dyDescent="0.2">
      <c r="A76" s="17"/>
      <c r="B76" s="17"/>
      <c r="C76" s="17"/>
      <c r="D76" s="17"/>
    </row>
    <row r="77" spans="1:4" s="3" customFormat="1" ht="10.5" x14ac:dyDescent="0.2">
      <c r="A77" s="17"/>
      <c r="B77" s="17"/>
      <c r="C77" s="17"/>
      <c r="D77" s="17"/>
    </row>
  </sheetData>
  <customSheetViews>
    <customSheetView guid="{30645A97-BC3E-4EE0-B86A-653F48DD2F61}" showPageBreaks="1" showGridLines="0" fitToPage="1" printArea="1" topLeftCell="A10">
      <selection activeCell="C19" sqref="C19"/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05BE6146-A9DF-4967-AF82-02B690EDB2A3}" showGridLines="0" fitToPage="1">
      <selection activeCell="K19" sqref="K19:M19"/>
      <pageMargins left="0.19685039370078741" right="0.19685039370078741" top="0.39370078740157483" bottom="0.19685039370078741" header="0" footer="0"/>
      <printOptions horizontalCentered="1"/>
      <pageSetup paperSize="9" scale="67" orientation="portrait" r:id="rId2"/>
      <headerFooter alignWithMargins="0"/>
    </customSheetView>
    <customSheetView guid="{6C121633-ED4E-47D4-9C39-9D582FC532C7}" showPageBreaks="1" showGridLines="0" fitToPage="1" printArea="1" topLeftCell="A4">
      <selection activeCell="A7" sqref="A7:D7"/>
      <pageMargins left="0.19685039370078741" right="0.19685039370078741" top="0.59055118110236227" bottom="0.39370078740157483" header="0" footer="0"/>
      <printOptions horizontalCentered="1"/>
      <pageSetup paperSize="9" scale="68" orientation="portrait" r:id="rId3"/>
      <headerFooter alignWithMargins="0"/>
    </customSheetView>
    <customSheetView guid="{D8FEB5D0-D989-4C2B-BD50-DB181944A81F}" showGridLines="0" fitToPage="1">
      <selection activeCell="F50" sqref="F50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2E3109D4-AAF5-4B4A-B3D6-6363C0BC1DF5}" showPageBreaks="1" showGridLines="0" fitToPage="1" printArea="1" topLeftCell="A28">
      <selection activeCell="C53" sqref="C53"/>
      <pageMargins left="0.19685039370078741" right="0.19685039370078741" top="0.19685039370078741" bottom="0.19685039370078741" header="0" footer="0"/>
      <printOptions horizontalCentered="1"/>
      <pageSetup paperSize="9" scale="67" orientation="portrait" r:id="rId5"/>
      <headerFooter alignWithMargins="0"/>
    </customSheetView>
    <customSheetView guid="{A3DDC128-A56B-4F45-A551-BA04BB179A3D}" showPageBreaks="1" showGridLines="0" fitToPage="1" printArea="1">
      <selection activeCell="A41" sqref="A41:B41"/>
      <pageMargins left="0.19685039370078741" right="0.19685039370078741" top="0.19685039370078741" bottom="0.19685039370078741" header="0" footer="0"/>
      <printOptions horizontalCentered="1"/>
      <pageSetup paperSize="9" scale="67" orientation="portrait" r:id="rId6"/>
      <headerFooter alignWithMargins="0"/>
    </customSheetView>
  </customSheetViews>
  <mergeCells count="23">
    <mergeCell ref="A3:D3"/>
    <mergeCell ref="A4:D4"/>
    <mergeCell ref="A5:D5"/>
    <mergeCell ref="A6:D6"/>
    <mergeCell ref="A7:D7"/>
    <mergeCell ref="C10:D10"/>
    <mergeCell ref="A45:B45"/>
    <mergeCell ref="C43:C44"/>
    <mergeCell ref="A50:B50"/>
    <mergeCell ref="A52:B52"/>
    <mergeCell ref="A46:B46"/>
    <mergeCell ref="A49:B49"/>
    <mergeCell ref="A10:B14"/>
    <mergeCell ref="A43:B44"/>
    <mergeCell ref="A39:B39"/>
    <mergeCell ref="A41:B41"/>
    <mergeCell ref="A58:C58"/>
    <mergeCell ref="A59:C59"/>
    <mergeCell ref="A56:C56"/>
    <mergeCell ref="A42:C42"/>
    <mergeCell ref="A57:C57"/>
    <mergeCell ref="A53:B53"/>
    <mergeCell ref="A55:B55"/>
  </mergeCells>
  <phoneticPr fontId="0" type="noConversion"/>
  <printOptions horizontalCentered="1"/>
  <pageMargins left="0.19685039370078741" right="0.19685039370078741" top="0.19685039370078741" bottom="0.19685039370078741" header="0" footer="0"/>
  <pageSetup paperSize="9" scale="67" orientation="portrait" r:id="rId7"/>
  <headerFooter alignWithMargins="0"/>
  <drawing r:id="rId8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G55"/>
  <sheetViews>
    <sheetView showGridLines="0" zoomScaleNormal="100" workbookViewId="0"/>
  </sheetViews>
  <sheetFormatPr defaultRowHeight="11.25" customHeight="1" x14ac:dyDescent="0.2"/>
  <cols>
    <col min="1" max="1" width="80.7109375" style="5" customWidth="1"/>
    <col min="2" max="2" width="30.7109375" style="5" customWidth="1"/>
    <col min="3" max="3" width="40.7109375" style="5" customWidth="1"/>
    <col min="4" max="16384" width="9.140625" style="5"/>
  </cols>
  <sheetData>
    <row r="1" spans="1:3" ht="10.5" x14ac:dyDescent="0.2">
      <c r="A1" s="8"/>
    </row>
    <row r="2" spans="1:3" ht="11.25" customHeight="1" x14ac:dyDescent="0.2">
      <c r="A2" s="8"/>
    </row>
    <row r="3" spans="1:3" ht="11.25" customHeight="1" x14ac:dyDescent="0.2">
      <c r="A3" s="203" t="s">
        <v>199</v>
      </c>
      <c r="B3" s="203"/>
      <c r="C3" s="203"/>
    </row>
    <row r="4" spans="1:3" ht="11.25" customHeight="1" x14ac:dyDescent="0.2">
      <c r="A4" s="203" t="s">
        <v>0</v>
      </c>
      <c r="B4" s="203"/>
      <c r="C4" s="203"/>
    </row>
    <row r="5" spans="1:3" s="21" customFormat="1" ht="11.25" customHeight="1" x14ac:dyDescent="0.2">
      <c r="A5" s="203" t="s">
        <v>102</v>
      </c>
      <c r="B5" s="203"/>
      <c r="C5" s="203"/>
    </row>
    <row r="6" spans="1:3" s="21" customFormat="1" ht="11.25" customHeight="1" x14ac:dyDescent="0.2">
      <c r="A6" s="203" t="s">
        <v>4</v>
      </c>
      <c r="B6" s="203"/>
      <c r="C6" s="203"/>
    </row>
    <row r="7" spans="1:3" s="21" customFormat="1" ht="11.25" customHeight="1" x14ac:dyDescent="0.2">
      <c r="A7" s="268" t="s">
        <v>213</v>
      </c>
      <c r="B7" s="268"/>
      <c r="C7" s="268"/>
    </row>
    <row r="8" spans="1:3" ht="11.25" customHeight="1" x14ac:dyDescent="0.2">
      <c r="A8" s="90"/>
      <c r="B8" s="90"/>
      <c r="C8" s="90"/>
    </row>
    <row r="9" spans="1:3" ht="11.25" customHeight="1" x14ac:dyDescent="0.2">
      <c r="A9" s="21" t="s">
        <v>217</v>
      </c>
      <c r="C9" s="6">
        <v>1</v>
      </c>
    </row>
    <row r="10" spans="1:3" ht="15" customHeight="1" x14ac:dyDescent="0.2">
      <c r="A10" s="153" t="s">
        <v>161</v>
      </c>
      <c r="B10" s="293" t="s">
        <v>162</v>
      </c>
      <c r="C10" s="204"/>
    </row>
    <row r="11" spans="1:3" ht="12" customHeight="1" x14ac:dyDescent="0.2">
      <c r="A11" s="9" t="s">
        <v>163</v>
      </c>
      <c r="B11" s="91"/>
      <c r="C11" s="92">
        <v>8277846556.6599998</v>
      </c>
    </row>
    <row r="12" spans="1:3" ht="12" customHeight="1" x14ac:dyDescent="0.2">
      <c r="C12" s="6"/>
    </row>
    <row r="13" spans="1:3" ht="12" customHeight="1" x14ac:dyDescent="0.2">
      <c r="A13" s="93" t="s">
        <v>13</v>
      </c>
      <c r="B13" s="94" t="s">
        <v>3</v>
      </c>
      <c r="C13" s="94" t="s">
        <v>7</v>
      </c>
    </row>
    <row r="14" spans="1:3" ht="12" customHeight="1" x14ac:dyDescent="0.2">
      <c r="A14" s="95" t="s">
        <v>67</v>
      </c>
      <c r="B14" s="96">
        <v>4228020912.0499983</v>
      </c>
      <c r="C14" s="149">
        <v>51.076338309850819</v>
      </c>
    </row>
    <row r="15" spans="1:3" ht="12" customHeight="1" x14ac:dyDescent="0.2">
      <c r="A15" s="95" t="s">
        <v>209</v>
      </c>
      <c r="B15" s="96">
        <v>4966707933.9959993</v>
      </c>
      <c r="C15" s="97">
        <v>60</v>
      </c>
    </row>
    <row r="16" spans="1:3" ht="12" customHeight="1" x14ac:dyDescent="0.2">
      <c r="A16" s="98" t="s">
        <v>210</v>
      </c>
      <c r="B16" s="99">
        <v>4718372537.2961988</v>
      </c>
      <c r="C16" s="100">
        <v>57</v>
      </c>
    </row>
    <row r="17" spans="1:4" ht="12" customHeight="1" x14ac:dyDescent="0.2">
      <c r="A17" s="2"/>
      <c r="B17" s="2"/>
      <c r="C17" s="2"/>
    </row>
    <row r="18" spans="1:4" ht="12" customHeight="1" x14ac:dyDescent="0.2">
      <c r="A18" s="93" t="s">
        <v>106</v>
      </c>
      <c r="B18" s="94" t="s">
        <v>3</v>
      </c>
      <c r="C18" s="94" t="s">
        <v>7</v>
      </c>
    </row>
    <row r="19" spans="1:4" ht="12" customHeight="1" x14ac:dyDescent="0.2">
      <c r="A19" s="95" t="s">
        <v>8</v>
      </c>
      <c r="B19" s="96">
        <v>8024450089.3899994</v>
      </c>
      <c r="C19" s="96">
        <v>96.938860058161751</v>
      </c>
    </row>
    <row r="20" spans="1:4" ht="12" customHeight="1" x14ac:dyDescent="0.2">
      <c r="A20" s="98" t="s">
        <v>12</v>
      </c>
      <c r="B20" s="99">
        <v>16555693113.32</v>
      </c>
      <c r="C20" s="99">
        <v>200</v>
      </c>
    </row>
    <row r="21" spans="1:4" ht="12" customHeight="1" x14ac:dyDescent="0.2">
      <c r="A21" s="2"/>
      <c r="B21" s="2"/>
      <c r="C21" s="2"/>
    </row>
    <row r="22" spans="1:4" ht="12" customHeight="1" x14ac:dyDescent="0.2">
      <c r="A22" s="93" t="s">
        <v>15</v>
      </c>
      <c r="B22" s="94" t="s">
        <v>3</v>
      </c>
      <c r="C22" s="94" t="s">
        <v>7</v>
      </c>
    </row>
    <row r="23" spans="1:4" ht="12" customHeight="1" x14ac:dyDescent="0.2">
      <c r="A23" s="95" t="s">
        <v>124</v>
      </c>
      <c r="B23" s="96">
        <v>23929467.609999999</v>
      </c>
      <c r="C23" s="96">
        <v>0.28907841485352703</v>
      </c>
    </row>
    <row r="24" spans="1:4" ht="12" customHeight="1" x14ac:dyDescent="0.2">
      <c r="A24" s="98" t="s">
        <v>12</v>
      </c>
      <c r="B24" s="99">
        <v>1821126242.4651999</v>
      </c>
      <c r="C24" s="100">
        <v>22</v>
      </c>
    </row>
    <row r="25" spans="1:4" ht="12" customHeight="1" x14ac:dyDescent="0.2">
      <c r="A25" s="2"/>
      <c r="B25" s="2"/>
      <c r="C25" s="2"/>
    </row>
    <row r="26" spans="1:4" ht="12" customHeight="1" x14ac:dyDescent="0.2">
      <c r="A26" s="93" t="s">
        <v>2</v>
      </c>
      <c r="B26" s="94" t="s">
        <v>3</v>
      </c>
      <c r="C26" s="94" t="s">
        <v>7</v>
      </c>
    </row>
    <row r="27" spans="1:4" ht="12" customHeight="1" x14ac:dyDescent="0.2">
      <c r="A27" s="95" t="s">
        <v>16</v>
      </c>
      <c r="B27" s="96">
        <v>6169244.4500000002</v>
      </c>
      <c r="C27" s="96">
        <v>7.4527166066354428E-2</v>
      </c>
    </row>
    <row r="28" spans="1:4" ht="12" customHeight="1" x14ac:dyDescent="0.2">
      <c r="A28" s="95" t="s">
        <v>17</v>
      </c>
      <c r="B28" s="96">
        <v>0</v>
      </c>
      <c r="C28" s="96">
        <v>0</v>
      </c>
      <c r="D28" s="151"/>
    </row>
    <row r="29" spans="1:4" ht="12" customHeight="1" x14ac:dyDescent="0.2">
      <c r="A29" s="95" t="s">
        <v>71</v>
      </c>
      <c r="B29" s="96">
        <v>1324455449.0655999</v>
      </c>
      <c r="C29" s="149">
        <v>16</v>
      </c>
    </row>
    <row r="30" spans="1:4" ht="12" customHeight="1" x14ac:dyDescent="0.2">
      <c r="A30" s="98" t="s">
        <v>36</v>
      </c>
      <c r="B30" s="99">
        <v>579449258.96619999</v>
      </c>
      <c r="C30" s="150">
        <v>7.0000000000000009</v>
      </c>
    </row>
    <row r="31" spans="1:4" ht="11.25" customHeight="1" x14ac:dyDescent="0.2">
      <c r="A31" s="2"/>
      <c r="B31" s="2"/>
      <c r="C31" s="2"/>
    </row>
    <row r="32" spans="1:4" ht="11.25" customHeight="1" x14ac:dyDescent="0.2">
      <c r="A32" s="206" t="s">
        <v>5</v>
      </c>
      <c r="B32" s="289" t="s">
        <v>126</v>
      </c>
      <c r="C32" s="291" t="s">
        <v>123</v>
      </c>
      <c r="D32" s="2"/>
    </row>
    <row r="33" spans="1:7" ht="37.5" customHeight="1" x14ac:dyDescent="0.2">
      <c r="A33" s="207"/>
      <c r="B33" s="290"/>
      <c r="C33" s="292" t="s">
        <v>49</v>
      </c>
      <c r="D33" s="2"/>
    </row>
    <row r="34" spans="1:7" ht="15" customHeight="1" x14ac:dyDescent="0.2">
      <c r="A34" s="143" t="s">
        <v>125</v>
      </c>
      <c r="B34" s="144"/>
      <c r="C34" s="144"/>
    </row>
    <row r="35" spans="1:7" ht="11.25" customHeight="1" x14ac:dyDescent="0.2">
      <c r="A35" s="146" t="s">
        <v>218</v>
      </c>
      <c r="B35" s="145"/>
      <c r="C35" s="147">
        <v>42460.494527083334</v>
      </c>
    </row>
    <row r="36" spans="1:7" s="2" customFormat="1" ht="11.25" customHeight="1" x14ac:dyDescent="0.2"/>
    <row r="44" spans="1:7" ht="11.25" customHeight="1" x14ac:dyDescent="0.2">
      <c r="A44" s="3"/>
      <c r="B44" s="3"/>
      <c r="C44" s="3"/>
      <c r="D44" s="4"/>
      <c r="E44" s="3"/>
      <c r="F44" s="3"/>
      <c r="G44" s="3"/>
    </row>
    <row r="45" spans="1:7" ht="11.25" customHeight="1" x14ac:dyDescent="0.2">
      <c r="A45" s="3"/>
      <c r="B45" s="3"/>
      <c r="C45" s="3"/>
      <c r="D45" s="4"/>
      <c r="E45" s="3"/>
      <c r="F45" s="3"/>
      <c r="G45" s="3"/>
    </row>
    <row r="46" spans="1:7" ht="11.25" customHeight="1" x14ac:dyDescent="0.2">
      <c r="A46" s="3"/>
      <c r="B46" s="3"/>
      <c r="C46" s="3"/>
      <c r="D46" s="4"/>
      <c r="E46" s="3"/>
      <c r="F46" s="3"/>
      <c r="G46" s="3"/>
    </row>
    <row r="47" spans="1:7" ht="11.25" customHeight="1" x14ac:dyDescent="0.2">
      <c r="A47" s="3"/>
      <c r="B47" s="3"/>
      <c r="C47" s="3"/>
      <c r="D47" s="4"/>
      <c r="E47" s="3"/>
      <c r="F47" s="3"/>
      <c r="G47" s="3"/>
    </row>
    <row r="48" spans="1:7" ht="11.25" customHeight="1" x14ac:dyDescent="0.2">
      <c r="A48" s="3"/>
      <c r="B48" s="3"/>
      <c r="C48" s="3"/>
      <c r="D48" s="4"/>
      <c r="E48" s="3"/>
      <c r="F48" s="3"/>
      <c r="G48" s="3"/>
    </row>
    <row r="49" spans="1:7" ht="11.25" customHeight="1" x14ac:dyDescent="0.2">
      <c r="A49" s="4"/>
      <c r="B49" s="4"/>
      <c r="C49" s="4"/>
      <c r="D49" s="4"/>
      <c r="E49" s="4"/>
      <c r="F49" s="4"/>
      <c r="G49" s="4"/>
    </row>
    <row r="50" spans="1:7" ht="11.25" customHeight="1" x14ac:dyDescent="0.2">
      <c r="A50" s="3"/>
      <c r="B50" s="3"/>
      <c r="C50" s="3"/>
      <c r="D50" s="4"/>
      <c r="E50" s="3"/>
      <c r="F50" s="3"/>
      <c r="G50" s="3"/>
    </row>
    <row r="51" spans="1:7" ht="11.25" customHeight="1" x14ac:dyDescent="0.2">
      <c r="A51" s="3"/>
      <c r="B51" s="3"/>
      <c r="C51" s="3"/>
      <c r="D51" s="4"/>
      <c r="E51" s="3"/>
      <c r="F51" s="3"/>
      <c r="G51" s="3"/>
    </row>
    <row r="52" spans="1:7" ht="11.25" customHeight="1" x14ac:dyDescent="0.2">
      <c r="A52" s="3"/>
      <c r="B52" s="3"/>
      <c r="C52" s="3"/>
      <c r="D52" s="4"/>
      <c r="E52" s="3"/>
      <c r="F52" s="3"/>
      <c r="G52" s="3"/>
    </row>
    <row r="53" spans="1:7" ht="11.25" customHeight="1" x14ac:dyDescent="0.2">
      <c r="A53" s="3"/>
      <c r="B53" s="3"/>
      <c r="C53" s="3"/>
      <c r="D53" s="4"/>
      <c r="E53" s="3"/>
      <c r="F53" s="3"/>
      <c r="G53" s="3"/>
    </row>
    <row r="54" spans="1:7" ht="11.25" customHeight="1" x14ac:dyDescent="0.2">
      <c r="A54" s="17"/>
      <c r="B54" s="17"/>
      <c r="C54" s="17"/>
      <c r="D54" s="17"/>
      <c r="E54" s="17"/>
      <c r="F54" s="17"/>
      <c r="G54" s="4"/>
    </row>
    <row r="55" spans="1:7" ht="11.25" customHeight="1" x14ac:dyDescent="0.2">
      <c r="A55" s="17"/>
      <c r="B55" s="17"/>
      <c r="C55" s="17"/>
      <c r="D55" s="17"/>
      <c r="E55" s="7"/>
      <c r="F55" s="7"/>
      <c r="G55" s="4"/>
    </row>
  </sheetData>
  <customSheetViews>
    <customSheetView guid="{30645A97-BC3E-4EE0-B86A-653F48DD2F61}" showPageBreaks="1" showGridLines="0" fitToPage="1" printArea="1" topLeftCell="A10">
      <selection activeCell="B27" sqref="B27"/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05BE6146-A9DF-4967-AF82-02B690EDB2A3}" showGridLines="0" fitToPage="1">
      <selection activeCell="K19" sqref="K19:M19"/>
      <pageMargins left="0.19685039370078741" right="0.19685039370078741" top="0.39370078740157483" bottom="0.19685039370078741" header="0" footer="0"/>
      <printOptions horizontalCentered="1"/>
      <pageSetup paperSize="9" scale="66" orientation="portrait" r:id="rId2"/>
      <headerFooter alignWithMargins="0"/>
    </customSheetView>
    <customSheetView guid="{6C121633-ED4E-47D4-9C39-9D582FC532C7}" showPageBreaks="1" showGridLines="0" fitToPage="1" printArea="1">
      <selection activeCell="A3" sqref="A3:C3"/>
      <pageMargins left="0.19685039370078741" right="0.19685039370078741" top="0.59055118110236227" bottom="0.39370078740157483" header="0" footer="0"/>
      <printOptions horizontalCentered="1"/>
      <pageSetup paperSize="9" scale="67" orientation="portrait" r:id="rId3"/>
      <headerFooter alignWithMargins="0"/>
    </customSheetView>
    <customSheetView guid="{D8FEB5D0-D989-4C2B-BD50-DB181944A81F}" showGridLines="0" fitToPage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6" orientation="portrait" r:id="rId4"/>
      <headerFooter alignWithMargins="0"/>
    </customSheetView>
    <customSheetView guid="{2E3109D4-AAF5-4B4A-B3D6-6363C0BC1DF5}" showPageBreaks="1" showGridLines="0" fitToPage="1" printArea="1">
      <selection activeCell="E10" sqref="E10"/>
      <pageMargins left="0.19685039370078741" right="0.19685039370078741" top="0.19685039370078741" bottom="0.19685039370078741" header="0" footer="0"/>
      <printOptions horizontalCentered="1"/>
      <pageSetup paperSize="9" scale="66" orientation="portrait" r:id="rId5"/>
      <headerFooter alignWithMargins="0"/>
    </customSheetView>
    <customSheetView guid="{A3DDC128-A56B-4F45-A551-BA04BB179A3D}" showPageBreaks="1" showGridLines="0" fitToPage="1" printArea="1" topLeftCell="A7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6" orientation="portrait" r:id="rId6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19685039370078741" bottom="0.19685039370078741" header="0" footer="0"/>
  <pageSetup paperSize="9" scale="67" orientation="portrait" r:id="rId7"/>
  <headerFooter alignWithMargins="0"/>
  <drawing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6</vt:i4>
      </vt:variant>
      <vt:variant>
        <vt:lpstr>Intervalos nomeados</vt:lpstr>
      </vt:variant>
      <vt:variant>
        <vt:i4>6</vt:i4>
      </vt:variant>
    </vt:vector>
  </HeadingPairs>
  <TitlesOfParts>
    <vt:vector size="12" baseType="lpstr">
      <vt:lpstr>Anexo 1 - Pessoal CONSOLIDADO</vt:lpstr>
      <vt:lpstr>Anexo 1 - Pessoal EXECUTIVO</vt:lpstr>
      <vt:lpstr>Anexo 2 - Dívida (E,DF e M)</vt:lpstr>
      <vt:lpstr>Anexo 3 - Garantias</vt:lpstr>
      <vt:lpstr>Anexo 4 -Op. Crédito (E,DF M)  </vt:lpstr>
      <vt:lpstr>Anexo 6 - Simplificado</vt:lpstr>
      <vt:lpstr>'Anexo 1 - Pessoal CONSOLIDADO'!Area_de_impressao</vt:lpstr>
      <vt:lpstr>'Anexo 1 - Pessoal EXECUTIVO'!Area_de_impressao</vt:lpstr>
      <vt:lpstr>'Anexo 2 - Dívida (E,DF e M)'!Area_de_impressao</vt:lpstr>
      <vt:lpstr>'Anexo 3 - Garantias'!Area_de_impressao</vt:lpstr>
      <vt:lpstr>'Anexo 4 -Op. Crédito (E,DF M)  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6-03-31T15:19:47Z</cp:lastPrinted>
  <dcterms:created xsi:type="dcterms:W3CDTF">2001-09-06T15:18:59Z</dcterms:created>
  <dcterms:modified xsi:type="dcterms:W3CDTF">2016-03-31T15:53:17Z</dcterms:modified>
</cp:coreProperties>
</file>